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82\8_温泉課\令和７年度\0900庶務\910広報・HP\912HP関連(修正予定日でフォルダを作成)\20250813HP修正\掲示証修正案\20250818掲示証修正案\"/>
    </mc:Choice>
  </mc:AlternateContent>
  <bookViews>
    <workbookView xWindow="-3420" yWindow="48" windowWidth="12588" windowHeight="11640" activeTab="1"/>
  </bookViews>
  <sheets>
    <sheet name="サンプル" sheetId="35" r:id="rId1"/>
    <sheet name="記入例1" sheetId="26" r:id="rId2"/>
    <sheet name="サンプル（4項目込み）" sheetId="36" r:id="rId3"/>
    <sheet name="記入例2（4項目込み）" sheetId="34" r:id="rId4"/>
    <sheet name="イオン表記例" sheetId="5" r:id="rId5"/>
  </sheets>
  <definedNames>
    <definedName name="_xlnm.Print_Area" localSheetId="0">サンプル!$A$1:$J$68</definedName>
    <definedName name="_xlnm.Print_Area" localSheetId="2">'サンプル（4項目込み）'!$A$1:$J$69</definedName>
    <definedName name="_xlnm.Print_Area" localSheetId="1">記入例1!$A$1:$J$68</definedName>
    <definedName name="_xlnm.Print_Area" localSheetId="3">'記入例2（4項目込み）'!$A$1:$J$69</definedName>
  </definedNames>
  <calcPr calcId="152511"/>
</workbook>
</file>

<file path=xl/sharedStrings.xml><?xml version="1.0" encoding="utf-8"?>
<sst xmlns="http://schemas.openxmlformats.org/spreadsheetml/2006/main" count="450" uniqueCount="196">
  <si>
    <t>成　　　　　　分</t>
  </si>
  <si>
    <t>リチウムイオン</t>
  </si>
  <si>
    <r>
      <t>(Ｆ</t>
    </r>
    <r>
      <rPr>
        <vertAlign val="superscript"/>
        <sz val="14"/>
        <rFont val="ＭＳ Ｐ明朝"/>
        <family val="1"/>
        <charset val="128"/>
      </rPr>
      <t>-</t>
    </r>
    <r>
      <rPr>
        <sz val="14"/>
        <rFont val="ＭＳ Ｐ明朝"/>
        <family val="1"/>
        <charset val="128"/>
      </rPr>
      <t>)</t>
    </r>
  </si>
  <si>
    <t>ナトリウムイオン</t>
  </si>
  <si>
    <r>
      <t>(Ｃｌ</t>
    </r>
    <r>
      <rPr>
        <vertAlign val="superscript"/>
        <sz val="14"/>
        <rFont val="ＭＳ Ｐ明朝"/>
        <family val="1"/>
        <charset val="128"/>
      </rPr>
      <t>-</t>
    </r>
    <r>
      <rPr>
        <sz val="14"/>
        <rFont val="ＭＳ Ｐ明朝"/>
        <family val="1"/>
        <charset val="128"/>
      </rPr>
      <t>)</t>
    </r>
  </si>
  <si>
    <t>カリウムイオン</t>
  </si>
  <si>
    <t>マグネシウムイオン</t>
  </si>
  <si>
    <r>
      <t>(ＳＯ</t>
    </r>
    <r>
      <rPr>
        <vertAlign val="subscript"/>
        <sz val="14"/>
        <rFont val="ＭＳ Ｐ明朝"/>
        <family val="1"/>
        <charset val="128"/>
      </rPr>
      <t>4</t>
    </r>
    <r>
      <rPr>
        <vertAlign val="superscript"/>
        <sz val="14"/>
        <rFont val="ＭＳ Ｐ明朝"/>
        <family val="1"/>
        <charset val="128"/>
      </rPr>
      <t>2-</t>
    </r>
    <r>
      <rPr>
        <sz val="14"/>
        <rFont val="ＭＳ Ｐ明朝"/>
        <family val="1"/>
        <charset val="128"/>
      </rPr>
      <t>)</t>
    </r>
  </si>
  <si>
    <t>カルシウムイオン</t>
  </si>
  <si>
    <t>炭酸水素イオン</t>
  </si>
  <si>
    <r>
      <t>(ＨＣＯ</t>
    </r>
    <r>
      <rPr>
        <vertAlign val="subscript"/>
        <sz val="14"/>
        <rFont val="ＭＳ Ｐ明朝"/>
        <family val="1"/>
        <charset val="128"/>
      </rPr>
      <t>3</t>
    </r>
    <r>
      <rPr>
        <vertAlign val="superscript"/>
        <sz val="14"/>
        <rFont val="ＭＳ Ｐ明朝"/>
        <family val="1"/>
        <charset val="128"/>
      </rPr>
      <t>-</t>
    </r>
    <r>
      <rPr>
        <sz val="14"/>
        <rFont val="ＭＳ Ｐ明朝"/>
        <family val="1"/>
        <charset val="128"/>
      </rPr>
      <t>)</t>
    </r>
  </si>
  <si>
    <t>ストロンチウムイオン</t>
  </si>
  <si>
    <t>炭酸イオン</t>
  </si>
  <si>
    <r>
      <t>(ＣＯ</t>
    </r>
    <r>
      <rPr>
        <vertAlign val="subscript"/>
        <sz val="14"/>
        <rFont val="ＭＳ Ｐ明朝"/>
        <family val="1"/>
        <charset val="128"/>
      </rPr>
      <t>3</t>
    </r>
    <r>
      <rPr>
        <vertAlign val="superscript"/>
        <sz val="14"/>
        <rFont val="ＭＳ Ｐ明朝"/>
        <family val="1"/>
        <charset val="128"/>
      </rPr>
      <t>2-</t>
    </r>
    <r>
      <rPr>
        <sz val="14"/>
        <rFont val="ＭＳ Ｐ明朝"/>
        <family val="1"/>
        <charset val="128"/>
      </rPr>
      <t>)</t>
    </r>
  </si>
  <si>
    <t>硝酸イオン</t>
  </si>
  <si>
    <t>アルミニウムイオン</t>
  </si>
  <si>
    <r>
      <t>(ＨＳiＯ</t>
    </r>
    <r>
      <rPr>
        <vertAlign val="subscript"/>
        <sz val="14"/>
        <rFont val="ＭＳ Ｐ明朝"/>
        <family val="1"/>
        <charset val="128"/>
      </rPr>
      <t>3</t>
    </r>
    <r>
      <rPr>
        <vertAlign val="superscript"/>
        <sz val="14"/>
        <rFont val="ＭＳ Ｐ明朝"/>
        <family val="1"/>
        <charset val="128"/>
      </rPr>
      <t>-</t>
    </r>
    <r>
      <rPr>
        <sz val="14"/>
        <rFont val="ＭＳ Ｐ明朝"/>
        <family val="1"/>
        <charset val="128"/>
      </rPr>
      <t>)</t>
    </r>
  </si>
  <si>
    <t>マンガンイオン</t>
  </si>
  <si>
    <r>
      <t>(ＢＯ</t>
    </r>
    <r>
      <rPr>
        <vertAlign val="subscript"/>
        <sz val="14"/>
        <rFont val="ＭＳ Ｐ明朝"/>
        <family val="1"/>
        <charset val="128"/>
      </rPr>
      <t>2</t>
    </r>
    <r>
      <rPr>
        <vertAlign val="superscript"/>
        <sz val="14"/>
        <rFont val="ＭＳ Ｐ明朝"/>
        <family val="1"/>
        <charset val="128"/>
      </rPr>
      <t>-</t>
    </r>
    <r>
      <rPr>
        <sz val="14"/>
        <rFont val="ＭＳ Ｐ明朝"/>
        <family val="1"/>
        <charset val="128"/>
      </rPr>
      <t>)</t>
    </r>
  </si>
  <si>
    <t>亜鉛イオン</t>
    <rPh sb="0" eb="2">
      <t>アエン</t>
    </rPh>
    <phoneticPr fontId="2"/>
  </si>
  <si>
    <t>銅イオン</t>
  </si>
  <si>
    <t>鉛イオン</t>
  </si>
  <si>
    <t>遊離二酸化炭素</t>
    <rPh sb="5" eb="6">
      <t>スミ</t>
    </rPh>
    <phoneticPr fontId="2"/>
  </si>
  <si>
    <t>カドミウムイオン</t>
  </si>
  <si>
    <t>総ヒ素</t>
  </si>
  <si>
    <t>(Ａｓ)</t>
  </si>
  <si>
    <r>
      <t>(Br</t>
    </r>
    <r>
      <rPr>
        <vertAlign val="superscript"/>
        <sz val="14"/>
        <rFont val="ＭＳ Ｐ明朝"/>
        <family val="1"/>
        <charset val="128"/>
      </rPr>
      <t>－</t>
    </r>
    <r>
      <rPr>
        <sz val="14"/>
        <rFont val="ＭＳ Ｐ明朝"/>
        <family val="1"/>
        <charset val="128"/>
      </rPr>
      <t>)</t>
    </r>
    <phoneticPr fontId="8"/>
  </si>
  <si>
    <t>総水銀</t>
    <rPh sb="0" eb="1">
      <t>ソウ</t>
    </rPh>
    <rPh sb="1" eb="3">
      <t>スイギン</t>
    </rPh>
    <phoneticPr fontId="2"/>
  </si>
  <si>
    <t>(Hg)</t>
    <phoneticPr fontId="8"/>
  </si>
  <si>
    <t>禁忌症、入浴上の注意事項</t>
    <phoneticPr fontId="8"/>
  </si>
  <si>
    <t>陰　　イ　　オ　　ン</t>
    <phoneticPr fontId="8"/>
  </si>
  <si>
    <t>硫酸イオン</t>
    <phoneticPr fontId="8"/>
  </si>
  <si>
    <t>　　　０．００</t>
  </si>
  <si>
    <t>微　量　成　分</t>
    <phoneticPr fontId="8"/>
  </si>
  <si>
    <t>遊　離　成　分</t>
    <phoneticPr fontId="8"/>
  </si>
  <si>
    <t>陽　　イ　　オ　　ン</t>
    <phoneticPr fontId="8"/>
  </si>
  <si>
    <t>陽イオン</t>
    <phoneticPr fontId="8"/>
  </si>
  <si>
    <t>陰イオン</t>
    <phoneticPr fontId="8"/>
  </si>
  <si>
    <t>遊離成分</t>
    <phoneticPr fontId="8"/>
  </si>
  <si>
    <t>微量成分</t>
    <phoneticPr fontId="8"/>
  </si>
  <si>
    <t>　</t>
    <phoneticPr fontId="8"/>
  </si>
  <si>
    <t>温泉の加水</t>
    <rPh sb="0" eb="2">
      <t>オンセン</t>
    </rPh>
    <rPh sb="3" eb="5">
      <t>カスイ</t>
    </rPh>
    <phoneticPr fontId="8"/>
  </si>
  <si>
    <t>温泉の加温</t>
    <rPh sb="0" eb="2">
      <t>オンセン</t>
    </rPh>
    <rPh sb="3" eb="5">
      <t>カオン</t>
    </rPh>
    <phoneticPr fontId="8"/>
  </si>
  <si>
    <t>消毒処理の有無</t>
    <rPh sb="0" eb="2">
      <t>ショウドク</t>
    </rPh>
    <rPh sb="2" eb="4">
      <t>ショリ</t>
    </rPh>
    <rPh sb="5" eb="7">
      <t>ウム</t>
    </rPh>
    <phoneticPr fontId="8"/>
  </si>
  <si>
    <t>成分に影響を与える項目の掲示事項</t>
    <phoneticPr fontId="8"/>
  </si>
  <si>
    <t>成分に影響を
与える項目</t>
    <rPh sb="0" eb="2">
      <t>セイブン</t>
    </rPh>
    <rPh sb="3" eb="5">
      <t>エイキョウ</t>
    </rPh>
    <rPh sb="7" eb="8">
      <t>アタ</t>
    </rPh>
    <rPh sb="10" eb="12">
      <t>コウモク</t>
    </rPh>
    <phoneticPr fontId="8"/>
  </si>
  <si>
    <t>神奈川県知事登録　第　＊＊　号</t>
    <phoneticPr fontId="8"/>
  </si>
  <si>
    <t>電気伝導率</t>
    <rPh sb="0" eb="2">
      <t>デンキ</t>
    </rPh>
    <rPh sb="2" eb="5">
      <t>デンドウリツ</t>
    </rPh>
    <phoneticPr fontId="8"/>
  </si>
  <si>
    <t>蒸発残留物</t>
    <rPh sb="0" eb="2">
      <t>ジョウハツ</t>
    </rPh>
    <rPh sb="2" eb="4">
      <t>ザンリュウ</t>
    </rPh>
    <rPh sb="4" eb="5">
      <t>ブツ</t>
    </rPh>
    <phoneticPr fontId="8"/>
  </si>
  <si>
    <t>＊＊＊＊＊＊研究所</t>
    <phoneticPr fontId="8"/>
  </si>
  <si>
    <r>
      <t>(Ｋ</t>
    </r>
    <r>
      <rPr>
        <vertAlign val="superscript"/>
        <sz val="14"/>
        <color rgb="FFFF0000"/>
        <rFont val="ＭＳ Ｐ明朝"/>
        <family val="1"/>
        <charset val="128"/>
      </rPr>
      <t>+</t>
    </r>
    <r>
      <rPr>
        <sz val="14"/>
        <color rgb="FFFF0000"/>
        <rFont val="ＭＳ Ｐ明朝"/>
        <family val="1"/>
        <charset val="128"/>
      </rPr>
      <t>)</t>
    </r>
  </si>
  <si>
    <r>
      <t>(Ｍg</t>
    </r>
    <r>
      <rPr>
        <vertAlign val="superscript"/>
        <sz val="14"/>
        <color rgb="FFFF0000"/>
        <rFont val="ＭＳ Ｐ明朝"/>
        <family val="1"/>
        <charset val="128"/>
      </rPr>
      <t>2+</t>
    </r>
    <r>
      <rPr>
        <sz val="14"/>
        <color rgb="FFFF0000"/>
        <rFont val="ＭＳ Ｐ明朝"/>
        <family val="1"/>
        <charset val="128"/>
      </rPr>
      <t>)</t>
    </r>
  </si>
  <si>
    <r>
      <t>(Ｓr</t>
    </r>
    <r>
      <rPr>
        <vertAlign val="superscript"/>
        <sz val="14"/>
        <color rgb="FFFF0000"/>
        <rFont val="ＭＳ Ｐ明朝"/>
        <family val="1"/>
        <charset val="128"/>
      </rPr>
      <t>2+</t>
    </r>
    <r>
      <rPr>
        <sz val="14"/>
        <color rgb="FFFF0000"/>
        <rFont val="ＭＳ Ｐ明朝"/>
        <family val="1"/>
        <charset val="128"/>
      </rPr>
      <t>)</t>
    </r>
  </si>
  <si>
    <r>
      <t>(Ｆe</t>
    </r>
    <r>
      <rPr>
        <vertAlign val="superscript"/>
        <sz val="14"/>
        <color rgb="FFFF0000"/>
        <rFont val="ＭＳ Ｐ明朝"/>
        <family val="1"/>
        <charset val="128"/>
      </rPr>
      <t>2+</t>
    </r>
    <r>
      <rPr>
        <sz val="14"/>
        <color rgb="FFFF0000"/>
        <rFont val="ＭＳ Ｐ明朝"/>
        <family val="1"/>
        <charset val="128"/>
      </rPr>
      <t>)</t>
    </r>
  </si>
  <si>
    <r>
      <t>(Ｚn</t>
    </r>
    <r>
      <rPr>
        <vertAlign val="superscript"/>
        <sz val="14"/>
        <color rgb="FFFF0000"/>
        <rFont val="ＭＳ Ｐ明朝"/>
        <family val="1"/>
        <charset val="128"/>
      </rPr>
      <t>2+</t>
    </r>
    <r>
      <rPr>
        <sz val="14"/>
        <color rgb="FFFF0000"/>
        <rFont val="ＭＳ Ｐ明朝"/>
        <family val="1"/>
        <charset val="128"/>
      </rPr>
      <t>)</t>
    </r>
  </si>
  <si>
    <r>
      <t>(ＨＳiＯ</t>
    </r>
    <r>
      <rPr>
        <vertAlign val="subscript"/>
        <sz val="14"/>
        <color rgb="FFFF0000"/>
        <rFont val="ＭＳ Ｐ明朝"/>
        <family val="1"/>
        <charset val="128"/>
      </rPr>
      <t>3</t>
    </r>
    <r>
      <rPr>
        <vertAlign val="superscript"/>
        <sz val="14"/>
        <color rgb="FFFF0000"/>
        <rFont val="ＭＳ Ｐ明朝"/>
        <family val="1"/>
        <charset val="128"/>
      </rPr>
      <t>-</t>
    </r>
    <r>
      <rPr>
        <sz val="14"/>
        <color rgb="FFFF0000"/>
        <rFont val="ＭＳ Ｐ明朝"/>
        <family val="1"/>
        <charset val="128"/>
      </rPr>
      <t>)</t>
    </r>
  </si>
  <si>
    <r>
      <t>(ＢＯ</t>
    </r>
    <r>
      <rPr>
        <vertAlign val="subscript"/>
        <sz val="14"/>
        <color rgb="FFFF0000"/>
        <rFont val="ＭＳ Ｐ明朝"/>
        <family val="1"/>
        <charset val="128"/>
      </rPr>
      <t>2</t>
    </r>
    <r>
      <rPr>
        <vertAlign val="superscript"/>
        <sz val="14"/>
        <color rgb="FFFF0000"/>
        <rFont val="ＭＳ Ｐ明朝"/>
        <family val="1"/>
        <charset val="128"/>
      </rPr>
      <t>-</t>
    </r>
    <r>
      <rPr>
        <sz val="14"/>
        <color rgb="FFFF0000"/>
        <rFont val="ＭＳ Ｐ明朝"/>
        <family val="1"/>
        <charset val="128"/>
      </rPr>
      <t>)</t>
    </r>
  </si>
  <si>
    <t>(Hg)</t>
    <phoneticPr fontId="8"/>
  </si>
  <si>
    <t>○○旅館</t>
    <phoneticPr fontId="8"/>
  </si>
  <si>
    <t>　５．温泉の成分</t>
    <phoneticPr fontId="8"/>
  </si>
  <si>
    <t>知覚的試験</t>
    <phoneticPr fontId="8"/>
  </si>
  <si>
    <t>ｐＨ</t>
    <phoneticPr fontId="8"/>
  </si>
  <si>
    <t>成分総計</t>
    <phoneticPr fontId="8"/>
  </si>
  <si>
    <t>　６．温泉分析年月日</t>
    <phoneticPr fontId="8"/>
  </si>
  <si>
    <t>○○温泉（源泉名：　　　　　　　　）</t>
    <rPh sb="5" eb="7">
      <t>ゲンセン</t>
    </rPh>
    <rPh sb="7" eb="8">
      <t>メイ</t>
    </rPh>
    <phoneticPr fontId="8"/>
  </si>
  <si>
    <t>台帳番号　　○○第○○号</t>
    <rPh sb="0" eb="2">
      <t>ダイチョウ</t>
    </rPh>
    <rPh sb="2" eb="4">
      <t>バンゴウ</t>
    </rPh>
    <rPh sb="8" eb="9">
      <t>ダイ</t>
    </rPh>
    <rPh sb="11" eb="12">
      <t>ゴウ</t>
    </rPh>
    <phoneticPr fontId="8"/>
  </si>
  <si>
    <t>　４．泉  温</t>
    <phoneticPr fontId="8"/>
  </si>
  <si>
    <t>　３．泉　質</t>
    <phoneticPr fontId="8"/>
  </si>
  <si>
    <t>６．５</t>
    <phoneticPr fontId="8"/>
  </si>
  <si>
    <t>０．３５０　 S／ｍ</t>
    <phoneticPr fontId="8"/>
  </si>
  <si>
    <t>２．２８０　ｇ／ｋｇ</t>
    <phoneticPr fontId="8"/>
  </si>
  <si>
    <t>　　　　０．６０</t>
    <phoneticPr fontId="8"/>
  </si>
  <si>
    <t>　　６５０．</t>
    <phoneticPr fontId="8"/>
  </si>
  <si>
    <t>　　　５０．０</t>
    <phoneticPr fontId="8"/>
  </si>
  <si>
    <t>　　　　５．００</t>
    <phoneticPr fontId="8"/>
  </si>
  <si>
    <t>　　　７０．０</t>
    <phoneticPr fontId="8"/>
  </si>
  <si>
    <t>　　　　０．５０</t>
    <phoneticPr fontId="8"/>
  </si>
  <si>
    <t>　　　　０．０５</t>
    <phoneticPr fontId="8"/>
  </si>
  <si>
    <t>　　　　０．２０</t>
    <phoneticPr fontId="8"/>
  </si>
  <si>
    <t>　１１００．</t>
    <phoneticPr fontId="8"/>
  </si>
  <si>
    <t>　　　　２．００</t>
    <phoneticPr fontId="8"/>
  </si>
  <si>
    <t>　　１００．</t>
    <phoneticPr fontId="8"/>
  </si>
  <si>
    <t>　　　　０．０３</t>
    <phoneticPr fontId="8"/>
  </si>
  <si>
    <t>　　　　１．５０</t>
    <phoneticPr fontId="8"/>
  </si>
  <si>
    <t>　　２００．</t>
    <phoneticPr fontId="8"/>
  </si>
  <si>
    <t>２．２８５　ｇ／ｋｇ</t>
    <phoneticPr fontId="8"/>
  </si>
  <si>
    <t>℃</t>
    <phoneticPr fontId="8"/>
  </si>
  <si>
    <t>８５．０</t>
    <phoneticPr fontId="8"/>
  </si>
  <si>
    <t>等張性　中性　高温泉　　　　</t>
    <rPh sb="0" eb="1">
      <t>トウ</t>
    </rPh>
    <rPh sb="4" eb="6">
      <t>チュウセイ</t>
    </rPh>
    <phoneticPr fontId="8"/>
  </si>
  <si>
    <t>40～42</t>
    <phoneticPr fontId="8"/>
  </si>
  <si>
    <t>行っていません</t>
    <phoneticPr fontId="8"/>
  </si>
  <si>
    <t>行っています（理由：入浴に適した温度に保つため）</t>
    <phoneticPr fontId="8"/>
  </si>
  <si>
    <t>mg/kg</t>
    <phoneticPr fontId="8"/>
  </si>
  <si>
    <t>入浴剤の使用</t>
    <rPh sb="0" eb="2">
      <t>ニュウヨク</t>
    </rPh>
    <rPh sb="2" eb="3">
      <t>ザイ</t>
    </rPh>
    <rPh sb="4" eb="6">
      <t>シヨウ</t>
    </rPh>
    <phoneticPr fontId="8"/>
  </si>
  <si>
    <t>フッ化物イオン</t>
    <rPh sb="2" eb="3">
      <t>カ</t>
    </rPh>
    <rPh sb="3" eb="4">
      <t>ブツ</t>
    </rPh>
    <phoneticPr fontId="8"/>
  </si>
  <si>
    <t>塩化物イオン</t>
    <rPh sb="0" eb="3">
      <t>エンカブツ</t>
    </rPh>
    <phoneticPr fontId="8"/>
  </si>
  <si>
    <t>臭化物イオン</t>
    <rPh sb="0" eb="2">
      <t>シュウカ</t>
    </rPh>
    <rPh sb="2" eb="3">
      <t>ブツ</t>
    </rPh>
    <phoneticPr fontId="2"/>
  </si>
  <si>
    <t>アンモニウムイオン</t>
    <phoneticPr fontId="8"/>
  </si>
  <si>
    <t>鉄（Ⅱ）イオン</t>
    <phoneticPr fontId="8"/>
  </si>
  <si>
    <t>塩化物イオン</t>
    <rPh sb="1" eb="3">
      <t>カブツ</t>
    </rPh>
    <phoneticPr fontId="8"/>
  </si>
  <si>
    <t>フッ化物イオン</t>
    <rPh sb="2" eb="4">
      <t>カブツ</t>
    </rPh>
    <phoneticPr fontId="8"/>
  </si>
  <si>
    <t>リチウムイオン</t>
    <phoneticPr fontId="8"/>
  </si>
  <si>
    <t>ナトリウムイオン</t>
    <phoneticPr fontId="8"/>
  </si>
  <si>
    <t>カリウムイオン</t>
    <phoneticPr fontId="8"/>
  </si>
  <si>
    <t>マグネシウムイオン</t>
    <phoneticPr fontId="8"/>
  </si>
  <si>
    <t>カルシウムイオン</t>
    <phoneticPr fontId="8"/>
  </si>
  <si>
    <t>ストロンチウムイオン</t>
    <phoneticPr fontId="8"/>
  </si>
  <si>
    <t>アルミニウムイオン</t>
    <phoneticPr fontId="8"/>
  </si>
  <si>
    <t>マンガンイオン</t>
    <phoneticPr fontId="8"/>
  </si>
  <si>
    <r>
      <t>(Ｎa</t>
    </r>
    <r>
      <rPr>
        <vertAlign val="superscript"/>
        <sz val="14"/>
        <rFont val="ＭＳ Ｐ明朝"/>
        <family val="1"/>
        <charset val="128"/>
      </rPr>
      <t>+</t>
    </r>
    <r>
      <rPr>
        <sz val="14"/>
        <rFont val="ＭＳ Ｐ明朝"/>
        <family val="1"/>
        <charset val="128"/>
      </rPr>
      <t>)</t>
    </r>
    <phoneticPr fontId="8"/>
  </si>
  <si>
    <r>
      <t>(Ｋ</t>
    </r>
    <r>
      <rPr>
        <vertAlign val="superscript"/>
        <sz val="14"/>
        <rFont val="ＭＳ Ｐ明朝"/>
        <family val="1"/>
        <charset val="128"/>
      </rPr>
      <t>+</t>
    </r>
    <r>
      <rPr>
        <sz val="14"/>
        <rFont val="ＭＳ Ｐ明朝"/>
        <family val="1"/>
        <charset val="128"/>
      </rPr>
      <t>)</t>
    </r>
    <phoneticPr fontId="8"/>
  </si>
  <si>
    <r>
      <t>(Ｍg</t>
    </r>
    <r>
      <rPr>
        <vertAlign val="superscript"/>
        <sz val="14"/>
        <rFont val="ＭＳ Ｐ明朝"/>
        <family val="1"/>
        <charset val="128"/>
      </rPr>
      <t>2+</t>
    </r>
    <r>
      <rPr>
        <sz val="14"/>
        <rFont val="ＭＳ Ｐ明朝"/>
        <family val="1"/>
        <charset val="128"/>
      </rPr>
      <t>)</t>
    </r>
    <phoneticPr fontId="8"/>
  </si>
  <si>
    <r>
      <t>(Ｃa</t>
    </r>
    <r>
      <rPr>
        <vertAlign val="superscript"/>
        <sz val="14"/>
        <rFont val="ＭＳ Ｐ明朝"/>
        <family val="1"/>
        <charset val="128"/>
      </rPr>
      <t>2+</t>
    </r>
    <r>
      <rPr>
        <sz val="14"/>
        <rFont val="ＭＳ Ｐ明朝"/>
        <family val="1"/>
        <charset val="128"/>
      </rPr>
      <t>)</t>
    </r>
    <phoneticPr fontId="8"/>
  </si>
  <si>
    <r>
      <t>(Ｓr</t>
    </r>
    <r>
      <rPr>
        <vertAlign val="superscript"/>
        <sz val="14"/>
        <rFont val="ＭＳ Ｐ明朝"/>
        <family val="1"/>
        <charset val="128"/>
      </rPr>
      <t>2+</t>
    </r>
    <r>
      <rPr>
        <sz val="14"/>
        <rFont val="ＭＳ Ｐ明朝"/>
        <family val="1"/>
        <charset val="128"/>
      </rPr>
      <t>)</t>
    </r>
    <phoneticPr fontId="8"/>
  </si>
  <si>
    <r>
      <t>(Ｆe</t>
    </r>
    <r>
      <rPr>
        <vertAlign val="superscript"/>
        <sz val="14"/>
        <rFont val="ＭＳ Ｐ明朝"/>
        <family val="1"/>
        <charset val="128"/>
      </rPr>
      <t>2+</t>
    </r>
    <r>
      <rPr>
        <sz val="14"/>
        <rFont val="ＭＳ Ｐ明朝"/>
        <family val="1"/>
        <charset val="128"/>
      </rPr>
      <t>)</t>
    </r>
    <phoneticPr fontId="8"/>
  </si>
  <si>
    <r>
      <t>(Ａl</t>
    </r>
    <r>
      <rPr>
        <vertAlign val="superscript"/>
        <sz val="14"/>
        <rFont val="ＭＳ Ｐ明朝"/>
        <family val="1"/>
        <charset val="128"/>
      </rPr>
      <t>3+</t>
    </r>
    <r>
      <rPr>
        <sz val="14"/>
        <rFont val="ＭＳ Ｐ明朝"/>
        <family val="1"/>
        <charset val="128"/>
      </rPr>
      <t>)</t>
    </r>
    <phoneticPr fontId="8"/>
  </si>
  <si>
    <r>
      <t>(Ｍn</t>
    </r>
    <r>
      <rPr>
        <vertAlign val="superscript"/>
        <sz val="14"/>
        <rFont val="ＭＳ Ｐ明朝"/>
        <family val="1"/>
        <charset val="128"/>
      </rPr>
      <t>2+</t>
    </r>
    <r>
      <rPr>
        <sz val="14"/>
        <rFont val="ＭＳ Ｐ明朝"/>
        <family val="1"/>
        <charset val="128"/>
      </rPr>
      <t>)</t>
    </r>
    <phoneticPr fontId="8"/>
  </si>
  <si>
    <r>
      <t>(Ｚn</t>
    </r>
    <r>
      <rPr>
        <vertAlign val="superscript"/>
        <sz val="14"/>
        <rFont val="ＭＳ Ｐ明朝"/>
        <family val="1"/>
        <charset val="128"/>
      </rPr>
      <t>2+</t>
    </r>
    <r>
      <rPr>
        <sz val="14"/>
        <rFont val="ＭＳ Ｐ明朝"/>
        <family val="1"/>
        <charset val="128"/>
      </rPr>
      <t>)</t>
    </r>
    <phoneticPr fontId="8"/>
  </si>
  <si>
    <t>硝酸イオン</t>
    <phoneticPr fontId="8"/>
  </si>
  <si>
    <t>炭酸水素イオン</t>
    <phoneticPr fontId="8"/>
  </si>
  <si>
    <t>炭酸イオン</t>
    <phoneticPr fontId="8"/>
  </si>
  <si>
    <r>
      <t>(ＳＯ</t>
    </r>
    <r>
      <rPr>
        <vertAlign val="subscript"/>
        <sz val="14"/>
        <color rgb="FFFF0000"/>
        <rFont val="ＭＳ Ｐ明朝"/>
        <family val="1"/>
        <charset val="128"/>
      </rPr>
      <t>4</t>
    </r>
    <r>
      <rPr>
        <vertAlign val="superscript"/>
        <sz val="14"/>
        <color rgb="FFFF0000"/>
        <rFont val="ＭＳ Ｐ明朝"/>
        <family val="1"/>
        <charset val="128"/>
      </rPr>
      <t>2-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ＨＣＯ</t>
    </r>
    <r>
      <rPr>
        <vertAlign val="subscript"/>
        <sz val="14"/>
        <color rgb="FFFF0000"/>
        <rFont val="ＭＳ Ｐ明朝"/>
        <family val="1"/>
        <charset val="128"/>
      </rPr>
      <t>3</t>
    </r>
    <r>
      <rPr>
        <vertAlign val="superscript"/>
        <sz val="14"/>
        <color rgb="FFFF0000"/>
        <rFont val="ＭＳ Ｐ明朝"/>
        <family val="1"/>
        <charset val="128"/>
      </rPr>
      <t>-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ＣＯ</t>
    </r>
    <r>
      <rPr>
        <vertAlign val="subscript"/>
        <sz val="14"/>
        <color rgb="FFFF0000"/>
        <rFont val="ＭＳ Ｐ明朝"/>
        <family val="1"/>
        <charset val="128"/>
      </rPr>
      <t>3</t>
    </r>
    <r>
      <rPr>
        <vertAlign val="superscript"/>
        <sz val="14"/>
        <color rgb="FFFF0000"/>
        <rFont val="ＭＳ Ｐ明朝"/>
        <family val="1"/>
        <charset val="128"/>
      </rPr>
      <t>2-</t>
    </r>
    <r>
      <rPr>
        <sz val="14"/>
        <color rgb="FFFF0000"/>
        <rFont val="ＭＳ Ｐ明朝"/>
        <family val="1"/>
        <charset val="128"/>
      </rPr>
      <t>)</t>
    </r>
    <phoneticPr fontId="8"/>
  </si>
  <si>
    <t>（旧泉質名　純弱食塩泉）　</t>
  </si>
  <si>
    <t>ナトリウム－塩化物温泉　</t>
    <rPh sb="9" eb="10">
      <t>オン</t>
    </rPh>
    <phoneticPr fontId="8"/>
  </si>
  <si>
    <r>
      <rPr>
        <b/>
        <sz val="14"/>
        <rFont val="ＭＳ Ｐ明朝"/>
        <family val="1"/>
        <charset val="128"/>
      </rPr>
      <t>　１．温泉利用施設名</t>
    </r>
    <r>
      <rPr>
        <sz val="14"/>
        <rFont val="ＭＳ Ｐ明朝"/>
        <family val="1"/>
        <charset val="128"/>
      </rPr>
      <t>　　　</t>
    </r>
    <rPh sb="3" eb="5">
      <t>オンセン</t>
    </rPh>
    <rPh sb="5" eb="7">
      <t>リヨウ</t>
    </rPh>
    <rPh sb="7" eb="9">
      <t>シセツ</t>
    </rPh>
    <rPh sb="9" eb="10">
      <t>メイ</t>
    </rPh>
    <phoneticPr fontId="2"/>
  </si>
  <si>
    <r>
      <rPr>
        <b/>
        <sz val="14"/>
        <rFont val="ＭＳ Ｐ明朝"/>
        <family val="1"/>
        <charset val="128"/>
      </rPr>
      <t>　７．分析機関の名称</t>
    </r>
    <r>
      <rPr>
        <sz val="16"/>
        <rFont val="ＭＳ Ｐ明朝"/>
        <family val="1"/>
        <charset val="128"/>
      </rPr>
      <t/>
    </r>
    <phoneticPr fontId="8"/>
  </si>
  <si>
    <r>
      <rPr>
        <b/>
        <sz val="14"/>
        <rFont val="ＭＳ Ｐ明朝"/>
        <family val="1"/>
        <charset val="128"/>
      </rPr>
      <t>　２．源泉名</t>
    </r>
    <r>
      <rPr>
        <sz val="14"/>
        <rFont val="ＭＳ Ｐ明朝"/>
        <family val="1"/>
        <charset val="128"/>
      </rPr>
      <t xml:space="preserve">　      </t>
    </r>
    <phoneticPr fontId="2"/>
  </si>
  <si>
    <r>
      <t>(Ｆ</t>
    </r>
    <r>
      <rPr>
        <vertAlign val="superscript"/>
        <sz val="14"/>
        <color rgb="FFFF0000"/>
        <rFont val="ＭＳ Ｐ明朝"/>
        <family val="1"/>
        <charset val="128"/>
      </rPr>
      <t>-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Ｃｌ</t>
    </r>
    <r>
      <rPr>
        <vertAlign val="superscript"/>
        <sz val="14"/>
        <color rgb="FFFF0000"/>
        <rFont val="ＭＳ Ｐ明朝"/>
        <family val="1"/>
        <charset val="128"/>
      </rPr>
      <t>-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ＮＯ</t>
    </r>
    <r>
      <rPr>
        <vertAlign val="subscript"/>
        <sz val="14"/>
        <color rgb="FFFF0000"/>
        <rFont val="ＭＳ Ｐ明朝"/>
        <family val="1"/>
        <charset val="128"/>
      </rPr>
      <t>3</t>
    </r>
    <r>
      <rPr>
        <vertAlign val="superscript"/>
        <sz val="14"/>
        <color rgb="FFFF0000"/>
        <rFont val="ＭＳ Ｐ明朝"/>
        <family val="1"/>
        <charset val="128"/>
      </rPr>
      <t>-</t>
    </r>
    <r>
      <rPr>
        <sz val="14"/>
        <color rgb="FFFF0000"/>
        <rFont val="ＭＳ Ｐ明朝"/>
        <family val="1"/>
        <charset val="128"/>
      </rPr>
      <t>)</t>
    </r>
    <phoneticPr fontId="8"/>
  </si>
  <si>
    <t xml:space="preserve"> １．禁忌症及び適応症</t>
    <rPh sb="6" eb="7">
      <t>オヨ</t>
    </rPh>
    <rPh sb="8" eb="11">
      <t>テキオウショウ</t>
    </rPh>
    <phoneticPr fontId="8"/>
  </si>
  <si>
    <t>　（１）一般的禁忌症（浴用）</t>
    <rPh sb="7" eb="9">
      <t>キンキ</t>
    </rPh>
    <rPh sb="9" eb="10">
      <t>ショウ</t>
    </rPh>
    <phoneticPr fontId="8"/>
  </si>
  <si>
    <t>　（２）泉質別禁忌症（浴用）</t>
    <phoneticPr fontId="8"/>
  </si>
  <si>
    <t>　（３）一般的適応症（浴用）</t>
    <rPh sb="4" eb="7">
      <t>イッパンテキ</t>
    </rPh>
    <phoneticPr fontId="8"/>
  </si>
  <si>
    <t>　（４）泉質別適応症（浴用）</t>
    <rPh sb="7" eb="9">
      <t>テキオウ</t>
    </rPh>
    <phoneticPr fontId="8"/>
  </si>
  <si>
    <t>（１）源泉</t>
    <phoneticPr fontId="8"/>
  </si>
  <si>
    <t>（２）使用位置</t>
    <rPh sb="3" eb="5">
      <t>シヨウ</t>
    </rPh>
    <rPh sb="5" eb="7">
      <t>イチ</t>
    </rPh>
    <phoneticPr fontId="8"/>
  </si>
  <si>
    <r>
      <t>(Ａｌ</t>
    </r>
    <r>
      <rPr>
        <vertAlign val="superscript"/>
        <sz val="14"/>
        <color rgb="FFFF0000"/>
        <rFont val="ＭＳ Ｐ明朝"/>
        <family val="1"/>
        <charset val="128"/>
      </rPr>
      <t>3+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Ｍn</t>
    </r>
    <r>
      <rPr>
        <vertAlign val="superscript"/>
        <sz val="14"/>
        <color rgb="FFFF0000"/>
        <rFont val="ＭＳ Ｐ明朝"/>
        <family val="1"/>
        <charset val="128"/>
      </rPr>
      <t>2+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Ｈ</t>
    </r>
    <r>
      <rPr>
        <vertAlign val="subscript"/>
        <sz val="14"/>
        <color rgb="FFFF0000"/>
        <rFont val="ＭＳ Ｐ明朝"/>
        <family val="1"/>
        <charset val="128"/>
      </rPr>
      <t>2</t>
    </r>
    <r>
      <rPr>
        <sz val="14"/>
        <color rgb="FFFF0000"/>
        <rFont val="ＭＳ Ｐ明朝"/>
        <family val="1"/>
        <charset val="128"/>
      </rPr>
      <t>ＳｉＯ</t>
    </r>
    <r>
      <rPr>
        <vertAlign val="subscript"/>
        <sz val="14"/>
        <color rgb="FFFF0000"/>
        <rFont val="ＭＳ Ｐ明朝"/>
        <family val="1"/>
        <charset val="128"/>
      </rPr>
      <t>3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ＨＢＯ</t>
    </r>
    <r>
      <rPr>
        <vertAlign val="subscript"/>
        <sz val="14"/>
        <color rgb="FFFF0000"/>
        <rFont val="ＭＳ Ｐ明朝"/>
        <family val="1"/>
        <charset val="128"/>
      </rPr>
      <t>2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ＣＯ</t>
    </r>
    <r>
      <rPr>
        <vertAlign val="subscript"/>
        <sz val="14"/>
        <color rgb="FFFF0000"/>
        <rFont val="ＭＳ Ｐ明朝"/>
        <family val="1"/>
        <charset val="128"/>
      </rPr>
      <t>2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Ｃｕ</t>
    </r>
    <r>
      <rPr>
        <vertAlign val="superscript"/>
        <sz val="14"/>
        <color rgb="FFFF0000"/>
        <rFont val="ＭＳ Ｐ明朝"/>
        <family val="1"/>
        <charset val="128"/>
      </rPr>
      <t>2+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Ｐｂ</t>
    </r>
    <r>
      <rPr>
        <vertAlign val="superscript"/>
        <sz val="14"/>
        <color rgb="FFFF0000"/>
        <rFont val="ＭＳ Ｐ明朝"/>
        <family val="1"/>
        <charset val="128"/>
      </rPr>
      <t>2+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Ｃｄ</t>
    </r>
    <r>
      <rPr>
        <vertAlign val="superscript"/>
        <sz val="14"/>
        <color rgb="FFFF0000"/>
        <rFont val="ＭＳ Ｐ明朝"/>
        <family val="1"/>
        <charset val="128"/>
      </rPr>
      <t>2+</t>
    </r>
    <r>
      <rPr>
        <sz val="14"/>
        <color rgb="FFFF0000"/>
        <rFont val="ＭＳ Ｐ明朝"/>
        <family val="1"/>
        <charset val="128"/>
      </rPr>
      <t>)</t>
    </r>
    <phoneticPr fontId="8"/>
  </si>
  <si>
    <t xml:space="preserve">  神奈川県小田原保健福祉事務所長</t>
    <phoneticPr fontId="8"/>
  </si>
  <si>
    <t>温泉の成分、禁忌症及び入浴上の注意事項掲示証</t>
    <phoneticPr fontId="8"/>
  </si>
  <si>
    <t>筋肉若しくは関節の慢性的な痛み又はこわばり（関節リウマチ、変形性関節症、腰痛症、神経痛、五十肩、打撲、捻挫などの慢性期）、運動麻痺における筋肉のこわばり、冷え性、末梢循環障害、胃腸機能の低下（胃がもたれる、腸にガスがたまるなど）、軽症高血圧、耐糖能異常（糖尿病）、軽い高コレステロール血症、軽い喘息又は肺気腫、痔の痛み、自律神経不安定症、ストレスによる諸症状（睡眠障害、うつ状態など）、病後回復期、疲労回復、健康増進</t>
    <rPh sb="2" eb="3">
      <t>モ</t>
    </rPh>
    <phoneticPr fontId="8"/>
  </si>
  <si>
    <t>特に該当なし</t>
    <rPh sb="0" eb="1">
      <t>トク</t>
    </rPh>
    <rPh sb="2" eb="4">
      <t>ガイトウ</t>
    </rPh>
    <phoneticPr fontId="8"/>
  </si>
  <si>
    <t>きりきず、末梢循環障害、冷え性、うつ状態、皮膚乾燥症</t>
    <phoneticPr fontId="8"/>
  </si>
  <si>
    <t>病気の活動期（特に熱のあるとき）、活動性の結核、進行した悪性腫瘍又は高度の貧血など
身体衰弱の著しい場合、少し動くと息苦しくなるような重い心臓又は肺の病気、むくみのある
ような重い腎臓の病気、消化管出血、目に見える出血があるとき、慢性の病気の急性増悪期</t>
    <phoneticPr fontId="8"/>
  </si>
  <si>
    <t xml:space="preserve"> ２．浴用の方法及び注意</t>
    <phoneticPr fontId="8"/>
  </si>
  <si>
    <t xml:space="preserve">      温泉の浴用は、以下の事項を守って行う必要がある。
 ア．入浴前の注意
  （ア） 食事の直前、直後及び飲酒後の入浴は避けること。酩酊状態での入浴は特に避けること。
  （イ） 過度の疲労時には身体を休めること。
  （ウ） 運動後30分程度の間は身体を休めること。
  （エ） 高齢者、子供及び身体の不自由な人は、１人での入浴は避けることが望ましいこと。
  （オ） 浴槽に入る前に、手足から掛け湯をして温度に慣らすとともに、身体を洗い流すこと。
  （カ） 入浴時、特に起床直後の入浴時などは脱水症状等にならないよう、あらかじめコップ一杯
         程度の水分を補給しておくこと。
 イ．入浴方法
  （ア） 入浴温度
         高齢者、高血圧症若しくは心臓病の人又は脳卒中を経験した人は、42℃以上の高温浴
         は避けること。
  （イ） 入浴形態
         心肺機能の低下している人は、全身浴よりも半身浴又は部分浴が望ましいこと。
  （ウ） 入浴回数
         入浴開始後数日間は、１日当たり１～２回とし、慣れてきたら２～３回まで増やしてもよい
         こと。
  （エ） 入浴時間
         入浴温度により異なるが、１回当たり、初めは３～10 分程度とし、慣れてきたら15～20分
         程度まで延長してもよいこと。
 ウ．入浴中の注意
  （ア） 運動浴を除き、一般に手足を軽く動かす程度にして静かに入浴すること。
  （イ） 浴槽から出る時は、立ちくらみを起こさないようにゆっくり出ること。
  （ウ） めまいが生じ、又は気分が不良となった時は、近くの人に助けを求めつつ、浴槽から頭
         を低い位置に保ってゆっくり出て、横になって回復を待つこと。
 エ．入浴後の注意
  （ア） 身体に付着した温泉成分を温水で洗い流さず、タオルで水分を拭き取り、着衣の上、保
         温及び30分程度の安静を心がけること（ただし、肌の弱い人は、刺激の強い泉質(例えば
         酸性泉や硫黄泉等)や必要に応じて塩素消毒等が行われている場合には、温泉成分等
         を温水で洗い流した方がよいこと。）。
  （イ） 脱水症状等を避けるため、コップ一杯程度の水分を補給すること。
 オ． 湯あたり
　　　温泉療養開始後おおむね３日～１週間前後に、気分不快、不眠若しくは消化器症状等の
      湯あたり症状又は皮膚炎などが現れることがある。このような状態が現れている間は、入浴
      を中止するか、又は回数を減らし、このような状態からの回復を待つこと。
 カ． その他
　　　浴槽水の清潔を保つため、浴槽にタオルは入れないこと。</t>
    <phoneticPr fontId="8"/>
  </si>
  <si>
    <r>
      <t>(Br</t>
    </r>
    <r>
      <rPr>
        <vertAlign val="superscript"/>
        <sz val="14"/>
        <color rgb="FFFF0000"/>
        <rFont val="ＭＳ Ｐ明朝"/>
        <family val="1"/>
        <charset val="128"/>
      </rPr>
      <t>-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Ｌi</t>
    </r>
    <r>
      <rPr>
        <vertAlign val="superscript"/>
        <sz val="14"/>
        <color rgb="FFFF0000"/>
        <rFont val="ＭＳ Ｐ明朝"/>
        <family val="1"/>
        <charset val="128"/>
      </rPr>
      <t>+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Ｎa</t>
    </r>
    <r>
      <rPr>
        <vertAlign val="superscript"/>
        <sz val="14"/>
        <color rgb="FFFF0000"/>
        <rFont val="ＭＳ Ｐ明朝"/>
        <family val="1"/>
        <charset val="128"/>
      </rPr>
      <t>+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Ｃa</t>
    </r>
    <r>
      <rPr>
        <vertAlign val="superscript"/>
        <sz val="14"/>
        <color rgb="FFFF0000"/>
        <rFont val="ＭＳ Ｐ明朝"/>
        <family val="1"/>
        <charset val="128"/>
      </rPr>
      <t>2+</t>
    </r>
    <r>
      <rPr>
        <sz val="14"/>
        <color rgb="FFFF0000"/>
        <rFont val="ＭＳ Ｐ明朝"/>
        <family val="1"/>
        <charset val="128"/>
      </rPr>
      <t>)</t>
    </r>
    <phoneticPr fontId="8"/>
  </si>
  <si>
    <t>赤字部分を入力
してください。</t>
    <rPh sb="0" eb="2">
      <t>アカジ</t>
    </rPh>
    <rPh sb="2" eb="4">
      <t>ブブン</t>
    </rPh>
    <rPh sb="5" eb="7">
      <t>ニュウリョク</t>
    </rPh>
    <phoneticPr fontId="8"/>
  </si>
  <si>
    <t xml:space="preserve">      温泉の浴用は、以下の事項を守って行う必要がある。
 ア．入浴前の注意
  （ア） 食事の直前、直後及び飲酒後の入浴は避けること。酩酊状態での入浴は特に避けること。
  （イ） 過度の疲労時には身体を休めること。
  （ウ） 運動後30分程度の間は身体を休めること。
  （エ） 高齢者、子供及び身体の不自由な人は、１人での入浴は避けることが望ましいこと。
  （オ） 浴槽に入る前に、手足から掛け湯をして温度に慣らすとともに、身体を洗い流すこと。
  （カ） 入浴時、特に起床直後の入浴時などは脱水症状等にならないよう、あらかじめコップ一杯
         程度の水分を補給しておくこと。
 イ．入浴方法
  （ア） 入浴温度
         高齢者、高血圧症若しくは心臓病の人又は脳卒中を経験した人は、42℃以上の高温浴
         は避けること。
  （イ） 入浴形態
         心肺機能の低下している人は、全身浴よりも半身浴又は部分浴が望ましいこと。
  （ウ） 入浴回数
         入浴開始後数日間は、１日当たり１～２回とし、慣れてきたら２～３回まで増やしてもよいこと。
  （エ） 入浴時間
         入浴温度により異なるが、１回当たり、初めは３～10 分程度とし、慣れてきたら15～20分
         程度まで延長してもよいこと。
 ウ．入浴中の注意
  （ア） 運動浴を除き、一般に手足を軽く動かす程度にして静かに入浴すること。
  （イ） 浴槽から出る時は、立ちくらみを起こさないようにゆっくり出ること。
  （ウ） めまいが生じ、又は気分が不良となった時は、近くの人に助けを求めつつ、浴槽から頭
         を低い位置に保ってゆっくり出て、横になって回復を待つこと。
 エ．入浴後の注意
  （ア） 身体に付着した温泉成分を温水で洗い流さず、タオルで水分を拭き取り、着衣の上、保
         温及び30分程度の安静を心がけること（ただし、肌の弱い人は、刺激の強い泉質(例えば
         酸性泉や硫黄泉等)や必要に応じて塩素消毒等が行われている場合には、温泉成分等
         を温水で洗い流した方がよいこと。）。
  （イ） 脱水症状等を避けるため、コップ一杯程度の水分を補給すること。
 オ． 湯あたり
　　　温泉療養開始後おおむね３日～１週間前後に、気分不快、不眠若しくは消化器症状等の
      湯あたり症状又は皮膚炎などが現れることがある。このような状態が現れている間は、入浴
      を中止するか、又は回数を減らし、このような状態からの回復を待つこと。
 カ． その他
　　　浴槽水の清潔を保つため、浴槽にタオルは入れないこと。</t>
    <phoneticPr fontId="8"/>
  </si>
  <si>
    <t>行っています（理由：衛生管理のため塩素系薬剤を使用しています）</t>
    <phoneticPr fontId="8"/>
  </si>
  <si>
    <t>分析機関の名称及び登録番号</t>
    <rPh sb="0" eb="2">
      <t>ブンセキ</t>
    </rPh>
    <rPh sb="2" eb="4">
      <t>キカン</t>
    </rPh>
    <rPh sb="5" eb="7">
      <t>メイショウ</t>
    </rPh>
    <phoneticPr fontId="8"/>
  </si>
  <si>
    <t>行っています（理由：入浴に適した温度にするため）</t>
    <phoneticPr fontId="8"/>
  </si>
  <si>
    <t>該当の有無（有の場合はその理由）</t>
    <phoneticPr fontId="8"/>
  </si>
  <si>
    <r>
      <rPr>
        <b/>
        <sz val="14"/>
        <rFont val="ＭＳ Ｐ明朝"/>
        <family val="1"/>
        <charset val="128"/>
      </rPr>
      <t>　２．源泉名</t>
    </r>
    <r>
      <rPr>
        <sz val="14"/>
        <rFont val="ＭＳ Ｐ明朝"/>
        <family val="1"/>
        <charset val="128"/>
      </rPr>
      <t xml:space="preserve">　      </t>
    </r>
    <phoneticPr fontId="2"/>
  </si>
  <si>
    <r>
      <rPr>
        <b/>
        <sz val="14"/>
        <rFont val="ＭＳ Ｐ明朝"/>
        <family val="1"/>
        <charset val="128"/>
      </rPr>
      <t>　７．分析機関の名称</t>
    </r>
    <r>
      <rPr>
        <sz val="16"/>
        <rFont val="ＭＳ Ｐ明朝"/>
        <family val="1"/>
        <charset val="128"/>
      </rPr>
      <t/>
    </r>
    <phoneticPr fontId="8"/>
  </si>
  <si>
    <r>
      <t>(Ｌｉ</t>
    </r>
    <r>
      <rPr>
        <vertAlign val="superscript"/>
        <sz val="14"/>
        <rFont val="ＭＳ Ｐ明朝"/>
        <family val="1"/>
        <charset val="128"/>
      </rPr>
      <t>+</t>
    </r>
    <r>
      <rPr>
        <sz val="14"/>
        <rFont val="ＭＳ Ｐ明朝"/>
        <family val="1"/>
        <charset val="128"/>
      </rPr>
      <t>)</t>
    </r>
    <phoneticPr fontId="8"/>
  </si>
  <si>
    <r>
      <t>(Ｈ</t>
    </r>
    <r>
      <rPr>
        <vertAlign val="subscript"/>
        <sz val="14"/>
        <rFont val="ＭＳ Ｐ明朝"/>
        <family val="1"/>
        <charset val="128"/>
      </rPr>
      <t>2</t>
    </r>
    <r>
      <rPr>
        <sz val="14"/>
        <rFont val="ＭＳ Ｐ明朝"/>
        <family val="1"/>
        <charset val="128"/>
      </rPr>
      <t>ＳｉＯ</t>
    </r>
    <r>
      <rPr>
        <vertAlign val="subscript"/>
        <sz val="14"/>
        <rFont val="ＭＳ Ｐ明朝"/>
        <family val="1"/>
        <charset val="128"/>
      </rPr>
      <t>3</t>
    </r>
    <r>
      <rPr>
        <sz val="14"/>
        <rFont val="ＭＳ Ｐ明朝"/>
        <family val="1"/>
        <charset val="128"/>
      </rPr>
      <t>)</t>
    </r>
    <phoneticPr fontId="8"/>
  </si>
  <si>
    <r>
      <t>(ＨＢＯ</t>
    </r>
    <r>
      <rPr>
        <vertAlign val="subscript"/>
        <sz val="14"/>
        <rFont val="ＭＳ Ｐ明朝"/>
        <family val="1"/>
        <charset val="128"/>
      </rPr>
      <t>2</t>
    </r>
    <r>
      <rPr>
        <sz val="14"/>
        <rFont val="ＭＳ Ｐ明朝"/>
        <family val="1"/>
        <charset val="128"/>
      </rPr>
      <t>)</t>
    </r>
    <phoneticPr fontId="8"/>
  </si>
  <si>
    <r>
      <t>(ＣＯ</t>
    </r>
    <r>
      <rPr>
        <vertAlign val="subscript"/>
        <sz val="14"/>
        <rFont val="ＭＳ Ｐ明朝"/>
        <family val="1"/>
        <charset val="128"/>
      </rPr>
      <t>2</t>
    </r>
    <r>
      <rPr>
        <sz val="14"/>
        <rFont val="ＭＳ Ｐ明朝"/>
        <family val="1"/>
        <charset val="128"/>
      </rPr>
      <t>)</t>
    </r>
    <phoneticPr fontId="8"/>
  </si>
  <si>
    <r>
      <t>(Ｃｕ</t>
    </r>
    <r>
      <rPr>
        <vertAlign val="superscript"/>
        <sz val="14"/>
        <rFont val="ＭＳ Ｐ明朝"/>
        <family val="1"/>
        <charset val="128"/>
      </rPr>
      <t>2+</t>
    </r>
    <r>
      <rPr>
        <sz val="14"/>
        <rFont val="ＭＳ Ｐ明朝"/>
        <family val="1"/>
        <charset val="128"/>
      </rPr>
      <t>)</t>
    </r>
    <phoneticPr fontId="8"/>
  </si>
  <si>
    <r>
      <t>(Ｐｂ</t>
    </r>
    <r>
      <rPr>
        <vertAlign val="superscript"/>
        <sz val="14"/>
        <rFont val="ＭＳ Ｐ明朝"/>
        <family val="1"/>
        <charset val="128"/>
      </rPr>
      <t>2+</t>
    </r>
    <r>
      <rPr>
        <sz val="14"/>
        <rFont val="ＭＳ Ｐ明朝"/>
        <family val="1"/>
        <charset val="128"/>
      </rPr>
      <t>)</t>
    </r>
    <phoneticPr fontId="8"/>
  </si>
  <si>
    <r>
      <t>(Ｃｄ</t>
    </r>
    <r>
      <rPr>
        <vertAlign val="superscript"/>
        <sz val="14"/>
        <rFont val="ＭＳ Ｐ明朝"/>
        <family val="1"/>
        <charset val="128"/>
      </rPr>
      <t>2+</t>
    </r>
    <r>
      <rPr>
        <sz val="14"/>
        <rFont val="ＭＳ Ｐ明朝"/>
        <family val="1"/>
        <charset val="128"/>
      </rPr>
      <t>)</t>
    </r>
    <phoneticPr fontId="8"/>
  </si>
  <si>
    <r>
      <t>(ＮＯ</t>
    </r>
    <r>
      <rPr>
        <vertAlign val="subscript"/>
        <sz val="14"/>
        <rFont val="ＭＳ Ｐ明朝"/>
        <family val="1"/>
        <charset val="128"/>
      </rPr>
      <t>3</t>
    </r>
    <r>
      <rPr>
        <vertAlign val="superscript"/>
        <sz val="14"/>
        <rFont val="ＭＳ Ｐ明朝"/>
        <family val="1"/>
        <charset val="128"/>
      </rPr>
      <t>-</t>
    </r>
    <r>
      <rPr>
        <sz val="14"/>
        <rFont val="ＭＳ Ｐ明朝"/>
        <family val="1"/>
        <charset val="128"/>
      </rPr>
      <t>)</t>
    </r>
    <phoneticPr fontId="8"/>
  </si>
  <si>
    <r>
      <t>(ＮＨ</t>
    </r>
    <r>
      <rPr>
        <vertAlign val="subscript"/>
        <sz val="14"/>
        <rFont val="ＭＳ Ｐ明朝"/>
        <family val="1"/>
        <charset val="128"/>
      </rPr>
      <t>4</t>
    </r>
    <r>
      <rPr>
        <vertAlign val="superscript"/>
        <sz val="14"/>
        <rFont val="ＭＳ Ｐ明朝"/>
        <family val="1"/>
        <charset val="128"/>
      </rPr>
      <t>+</t>
    </r>
    <r>
      <rPr>
        <sz val="14"/>
        <rFont val="ＭＳ Ｐ明朝"/>
        <family val="1"/>
        <charset val="128"/>
      </rPr>
      <t>)</t>
    </r>
    <phoneticPr fontId="8"/>
  </si>
  <si>
    <t xml:space="preserve">  令和　　　　年　　　　月　　　　日</t>
    <rPh sb="2" eb="3">
      <t>レイ</t>
    </rPh>
    <rPh sb="3" eb="4">
      <t>ワ</t>
    </rPh>
    <phoneticPr fontId="8"/>
  </si>
  <si>
    <t>メタケイ酸イオン</t>
    <phoneticPr fontId="8"/>
  </si>
  <si>
    <t>メタホウ酸イオン</t>
    <phoneticPr fontId="8"/>
  </si>
  <si>
    <t>メタケイ酸</t>
    <phoneticPr fontId="8"/>
  </si>
  <si>
    <t>メタホウ酸</t>
    <phoneticPr fontId="8"/>
  </si>
  <si>
    <t>メタケイ酸</t>
    <phoneticPr fontId="8"/>
  </si>
  <si>
    <t>メタホウ酸</t>
    <phoneticPr fontId="8"/>
  </si>
  <si>
    <t>循環装置等の使用</t>
    <rPh sb="0" eb="2">
      <t>ジュンカン</t>
    </rPh>
    <rPh sb="2" eb="4">
      <t>ソウチ</t>
    </rPh>
    <rPh sb="4" eb="5">
      <t>トウ</t>
    </rPh>
    <rPh sb="6" eb="8">
      <t>シヨウ</t>
    </rPh>
    <phoneticPr fontId="8"/>
  </si>
  <si>
    <t>　</t>
    <phoneticPr fontId="8"/>
  </si>
  <si>
    <t xml:space="preserve">      温泉の浴用は、以下の事項を守って行う必要がある。
 ア．入浴前の注意
  （ア） 食事の直前、直後及び飲酒後の入浴は避けること。酩酊状態での入浴は特に避けること。
  （イ） 過度の疲労時には身体を休めること。
  （ウ） 運動後30分程度の間は身体を休めること。
  （エ） 高齢者、子供及び身体の不自由な人は、１人での入浴は避けることが望ましいこと。
  （オ） 浴槽に入る前に、手足から掛け湯をして温度に慣らすとともに、身体を洗い流すこと。
  （カ） 入浴時、特に起床直後の入浴時などは脱水症状等にならないよう、あらかじめコップ一杯
         程度の水分を補給しておくこと。
 イ．入浴方法
  （ア） 入浴温度
         高齢者、高血圧症若しくは心臓病の人又は脳卒中を経験した人は、42℃以上の高温浴
         は避けること。
  （イ） 入浴形態
         心肺機能の低下している人は、全身浴よりも半身浴又は部分浴が望ましいこと。
  （ウ） 入浴回数
         入浴開始後数日間は、１日当たり１～２回とし、慣れてきたら２～３回まで増やしてもよいこと。
  （エ） 入浴時間
         入浴温度により異なるが、１回当たり、初めは３～10 分程度とし、慣れてきたら15～20分
         程度まで延長してもよいこと。
 ウ．入浴中の注意
  （ア） 運動浴を除き、一般に手足を軽く動かす程度にして静かに入浴すること。
  （イ） 浴槽から出る時は、立ちくらみを起こさないようにゆっくり出ること。
  （ウ） めまいが生じ、又は気分が不良となった時は、近くの人に助けを求めつつ、浴槽から頭
         を低い位置に保ってゆっくり出て、横になって回復を待つこと。
 エ．入浴後の注意
  （ア） 身体に付着した温泉成分を温水で洗い流さず、タオルで水分を拭き取り、着衣の上、保
         温及び30分程度の安静を心がけること（ただし、肌の弱い人は、刺激の強い泉質(例えば
         酸性泉や硫黄泉等)や必要に応じて塩素消毒等が行われている場合には、温泉成分等
         を温水で洗い流した方がよいこと。）。
  （イ） 脱水症状等を避けるため、コップ一杯程度の水分を補給すること。
 オ． 湯あたり
　　　温泉療養開始後おおむね３日～１週間前後に、気分不快、不眠若しくは消化器症状等の
      湯あたり症状又は皮膚炎などが現れることがある。このような状態が現れている間は、入浴
      を中止するか、又は回数を減らし、このような状態からの回復を待つこと。
 カ． その他
　　　浴槽水の清潔を保つため、浴槽にタオルは入れないこと。</t>
    <phoneticPr fontId="8"/>
  </si>
  <si>
    <t>行っています（理由：衛生管理のため循環ろ過装置を使用しています）</t>
    <rPh sb="10" eb="12">
      <t>エイセイ</t>
    </rPh>
    <rPh sb="12" eb="14">
      <t>カンリ</t>
    </rPh>
    <rPh sb="17" eb="19">
      <t>ジュンカン</t>
    </rPh>
    <rPh sb="20" eb="21">
      <t>カ</t>
    </rPh>
    <rPh sb="21" eb="23">
      <t>ソウチ</t>
    </rPh>
    <rPh sb="24" eb="26">
      <t>シヨウ</t>
    </rPh>
    <phoneticPr fontId="8"/>
  </si>
  <si>
    <r>
      <t>（１）</t>
    </r>
    <r>
      <rPr>
        <sz val="14"/>
        <color rgb="FFFF0000"/>
        <rFont val="ＭＳ Ｐ明朝"/>
        <family val="1"/>
        <charset val="128"/>
      </rPr>
      <t>源泉</t>
    </r>
    <phoneticPr fontId="8"/>
  </si>
  <si>
    <t>　　　０．０２０</t>
    <phoneticPr fontId="8"/>
  </si>
  <si>
    <t>　　　０．０００</t>
    <phoneticPr fontId="8"/>
  </si>
  <si>
    <t>令和 ７年 ４月 ８日</t>
    <rPh sb="0" eb="2">
      <t>レイワ</t>
    </rPh>
    <rPh sb="4" eb="5">
      <t>ネン</t>
    </rPh>
    <rPh sb="7" eb="8">
      <t>ツキ</t>
    </rPh>
    <rPh sb="10" eb="11">
      <t>ヒ</t>
    </rPh>
    <phoneticPr fontId="8"/>
  </si>
  <si>
    <t xml:space="preserve"> ３.　禁忌症、適応症決定年月日</t>
    <phoneticPr fontId="8"/>
  </si>
  <si>
    <t xml:space="preserve"> ４.　決定者</t>
    <phoneticPr fontId="2"/>
  </si>
  <si>
    <t>無色澄明無味無臭</t>
    <rPh sb="2" eb="3">
      <t>ス</t>
    </rPh>
    <rPh sb="4" eb="5">
      <t>ム</t>
    </rPh>
    <rPh sb="5" eb="6">
      <t>ミ</t>
    </rPh>
    <phoneticPr fontId="8"/>
  </si>
  <si>
    <t xml:space="preserve"> ３．　禁忌症、適応症決定年月日</t>
    <phoneticPr fontId="8"/>
  </si>
  <si>
    <t xml:space="preserve"> ４．　決定者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6" formatCode="&quot;¥&quot;#,##0;[Red]&quot;¥&quot;\-#,##0"/>
  </numFmts>
  <fonts count="36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Ｐ明朝"/>
      <family val="1"/>
      <charset val="128"/>
    </font>
    <font>
      <vertAlign val="subscript"/>
      <sz val="14"/>
      <name val="ＭＳ Ｐ明朝"/>
      <family val="1"/>
      <charset val="128"/>
    </font>
    <font>
      <vertAlign val="superscript"/>
      <sz val="14"/>
      <name val="ＭＳ Ｐ明朝"/>
      <family val="1"/>
      <charset val="128"/>
    </font>
    <font>
      <b/>
      <sz val="20"/>
      <name val="ＭＳ Ｐ明朝"/>
      <family val="1"/>
      <charset val="128"/>
    </font>
    <font>
      <b/>
      <sz val="38"/>
      <name val="HG正楷書体-PRO"/>
      <family val="4"/>
      <charset val="128"/>
    </font>
    <font>
      <sz val="6"/>
      <name val="ＭＳ 明朝"/>
      <family val="2"/>
      <charset val="128"/>
    </font>
    <font>
      <b/>
      <sz val="16"/>
      <name val="ＭＳ Ｐ明朝"/>
      <family val="1"/>
      <charset val="128"/>
    </font>
    <font>
      <sz val="16"/>
      <name val="ＭＳ Ｐ明朝"/>
      <family val="1"/>
      <charset val="128"/>
    </font>
    <font>
      <b/>
      <sz val="18"/>
      <name val="ＭＳ Ｐ明朝"/>
      <family val="1"/>
      <charset val="128"/>
    </font>
    <font>
      <sz val="12"/>
      <color theme="1"/>
      <name val="ＭＳ 明朝"/>
      <family val="2"/>
      <charset val="128"/>
    </font>
    <font>
      <sz val="14"/>
      <color theme="1"/>
      <name val="ＭＳ 明朝"/>
      <family val="2"/>
      <charset val="128"/>
    </font>
    <font>
      <b/>
      <sz val="14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4"/>
      <color rgb="FFFF0000"/>
      <name val="ＭＳ Ｐ明朝"/>
      <family val="1"/>
      <charset val="128"/>
    </font>
    <font>
      <sz val="14"/>
      <color rgb="FFFF0000"/>
      <name val="ＭＳ 明朝"/>
      <family val="1"/>
      <charset val="128"/>
    </font>
    <font>
      <vertAlign val="superscript"/>
      <sz val="14"/>
      <color rgb="FFFF0000"/>
      <name val="ＭＳ Ｐ明朝"/>
      <family val="1"/>
      <charset val="128"/>
    </font>
    <font>
      <vertAlign val="subscript"/>
      <sz val="14"/>
      <color rgb="FFFF0000"/>
      <name val="ＭＳ Ｐ明朝"/>
      <family val="1"/>
      <charset val="128"/>
    </font>
    <font>
      <b/>
      <sz val="28"/>
      <name val="HG正楷書体-PRO"/>
      <family val="4"/>
      <charset val="128"/>
    </font>
    <font>
      <b/>
      <sz val="14"/>
      <name val="ＭＳ Ｐ明朝"/>
      <family val="1"/>
      <charset val="128"/>
    </font>
    <font>
      <sz val="14"/>
      <color theme="1"/>
      <name val="ＭＳ Ｐ明朝"/>
      <family val="1"/>
      <charset val="128"/>
    </font>
    <font>
      <b/>
      <sz val="14"/>
      <color theme="1"/>
      <name val="ＭＳ Ｐ明朝"/>
      <family val="1"/>
      <charset val="128"/>
    </font>
    <font>
      <sz val="14"/>
      <color rgb="FFFF0000"/>
      <name val="ＭＳ 明朝"/>
      <family val="2"/>
      <charset val="128"/>
    </font>
    <font>
      <b/>
      <u val="double"/>
      <sz val="14"/>
      <name val="ＭＳ Ｐ明朝"/>
      <family val="1"/>
      <charset val="128"/>
    </font>
    <font>
      <b/>
      <sz val="14"/>
      <color theme="1"/>
      <name val="ＭＳ 明朝"/>
      <family val="2"/>
      <charset val="128"/>
    </font>
    <font>
      <b/>
      <u/>
      <sz val="16"/>
      <color theme="1"/>
      <name val="ＭＳ 明朝"/>
      <family val="1"/>
      <charset val="128"/>
    </font>
    <font>
      <b/>
      <u val="double"/>
      <sz val="16"/>
      <color theme="1"/>
      <name val="ＭＳ 明朝"/>
      <family val="1"/>
      <charset val="128"/>
    </font>
    <font>
      <sz val="14"/>
      <name val="ＭＳ 明朝"/>
      <family val="2"/>
      <charset val="128"/>
    </font>
    <font>
      <sz val="14"/>
      <name val="ＭＳ 明朝"/>
      <family val="1"/>
      <charset val="128"/>
    </font>
    <font>
      <b/>
      <sz val="14"/>
      <name val="ＭＳ 明朝"/>
      <family val="2"/>
      <charset val="128"/>
    </font>
    <font>
      <sz val="12"/>
      <name val="ＭＳ 明朝"/>
      <family val="2"/>
      <charset val="128"/>
    </font>
    <font>
      <b/>
      <u val="double"/>
      <sz val="16"/>
      <name val="ＭＳ Ｐ明朝"/>
      <family val="1"/>
      <charset val="128"/>
    </font>
    <font>
      <b/>
      <u/>
      <sz val="16"/>
      <name val="ＭＳ Ｐ明朝"/>
      <family val="1"/>
      <charset val="128"/>
    </font>
    <font>
      <u/>
      <sz val="14"/>
      <color theme="1"/>
      <name val="ＭＳ 明朝"/>
      <family val="2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0" fontId="1" fillId="0" borderId="0"/>
    <xf numFmtId="6" fontId="12" fillId="0" borderId="0" applyFont="0" applyFill="0" applyBorder="0" applyAlignment="0" applyProtection="0">
      <alignment vertical="center"/>
    </xf>
  </cellStyleXfs>
  <cellXfs count="158">
    <xf numFmtId="0" fontId="0" fillId="0" borderId="0" xfId="0">
      <alignment vertical="center"/>
    </xf>
    <xf numFmtId="0" fontId="3" fillId="0" borderId="0" xfId="1" applyFont="1" applyFill="1" applyBorder="1"/>
    <xf numFmtId="0" fontId="10" fillId="0" borderId="0" xfId="1" applyFont="1" applyFill="1" applyBorder="1"/>
    <xf numFmtId="0" fontId="13" fillId="0" borderId="0" xfId="0" applyFont="1">
      <alignment vertical="center"/>
    </xf>
    <xf numFmtId="0" fontId="13" fillId="0" borderId="0" xfId="0" applyFont="1" applyBorder="1">
      <alignment vertical="center"/>
    </xf>
    <xf numFmtId="0" fontId="15" fillId="2" borderId="0" xfId="0" applyFont="1" applyFill="1" applyBorder="1" applyAlignment="1">
      <alignment vertical="center"/>
    </xf>
    <xf numFmtId="0" fontId="15" fillId="2" borderId="3" xfId="0" applyFont="1" applyFill="1" applyBorder="1" applyAlignment="1">
      <alignment horizontal="center" vertical="center"/>
    </xf>
    <xf numFmtId="0" fontId="3" fillId="2" borderId="0" xfId="1" applyFont="1" applyFill="1" applyBorder="1" applyAlignment="1">
      <alignment vertical="center"/>
    </xf>
    <xf numFmtId="0" fontId="7" fillId="2" borderId="0" xfId="1" applyFont="1" applyFill="1" applyBorder="1" applyAlignment="1">
      <alignment vertical="center"/>
    </xf>
    <xf numFmtId="0" fontId="3" fillId="2" borderId="2" xfId="1" applyFont="1" applyFill="1" applyBorder="1" applyAlignment="1">
      <alignment horizontal="center" vertical="center"/>
    </xf>
    <xf numFmtId="0" fontId="15" fillId="2" borderId="2" xfId="0" applyFont="1" applyFill="1" applyBorder="1" applyAlignment="1">
      <alignment vertical="center"/>
    </xf>
    <xf numFmtId="0" fontId="3" fillId="2" borderId="1" xfId="1" applyFont="1" applyFill="1" applyBorder="1" applyAlignment="1">
      <alignment horizontal="center" vertical="center"/>
    </xf>
    <xf numFmtId="0" fontId="3" fillId="2" borderId="0" xfId="1" applyFont="1" applyFill="1" applyBorder="1" applyAlignment="1">
      <alignment vertical="center" wrapText="1"/>
    </xf>
    <xf numFmtId="0" fontId="3" fillId="2" borderId="2" xfId="1" applyFont="1" applyFill="1" applyBorder="1" applyAlignment="1">
      <alignment vertical="center" wrapText="1"/>
    </xf>
    <xf numFmtId="0" fontId="16" fillId="2" borderId="0" xfId="1" applyFont="1" applyFill="1" applyBorder="1" applyAlignment="1">
      <alignment vertical="center"/>
    </xf>
    <xf numFmtId="0" fontId="21" fillId="2" borderId="0" xfId="1" applyFont="1" applyFill="1" applyBorder="1" applyAlignment="1">
      <alignment vertical="center"/>
    </xf>
    <xf numFmtId="0" fontId="3" fillId="2" borderId="0" xfId="1" applyFont="1" applyFill="1" applyBorder="1" applyAlignment="1">
      <alignment horizontal="left" vertical="top" wrapText="1"/>
    </xf>
    <xf numFmtId="0" fontId="21" fillId="2" borderId="1" xfId="1" applyFont="1" applyFill="1" applyBorder="1" applyAlignment="1">
      <alignment horizontal="left" vertical="center"/>
    </xf>
    <xf numFmtId="0" fontId="3" fillId="2" borderId="2" xfId="1" applyFont="1" applyFill="1" applyBorder="1" applyAlignment="1">
      <alignment horizontal="left" vertical="center"/>
    </xf>
    <xf numFmtId="49" fontId="16" fillId="2" borderId="0" xfId="1" applyNumberFormat="1" applyFont="1" applyFill="1" applyBorder="1" applyAlignment="1">
      <alignment horizontal="right" vertical="center"/>
    </xf>
    <xf numFmtId="0" fontId="13" fillId="2" borderId="2" xfId="0" applyFont="1" applyFill="1" applyBorder="1" applyAlignment="1">
      <alignment horizontal="left" vertical="center"/>
    </xf>
    <xf numFmtId="49" fontId="24" fillId="2" borderId="0" xfId="0" applyNumberFormat="1" applyFont="1" applyFill="1" applyBorder="1" applyAlignment="1">
      <alignment horizontal="right" vertical="center"/>
    </xf>
    <xf numFmtId="0" fontId="13" fillId="2" borderId="0" xfId="0" applyFont="1" applyFill="1" applyBorder="1" applyAlignment="1">
      <alignment horizontal="left" vertical="center"/>
    </xf>
    <xf numFmtId="0" fontId="17" fillId="2" borderId="0" xfId="0" applyFont="1" applyFill="1" applyBorder="1" applyAlignment="1">
      <alignment horizontal="left" vertical="top" wrapText="1"/>
    </xf>
    <xf numFmtId="0" fontId="24" fillId="2" borderId="2" xfId="0" applyFont="1" applyFill="1" applyBorder="1" applyAlignment="1">
      <alignment horizontal="left" vertical="center"/>
    </xf>
    <xf numFmtId="0" fontId="3" fillId="2" borderId="2" xfId="1" applyFont="1" applyFill="1" applyBorder="1" applyAlignment="1">
      <alignment vertical="center"/>
    </xf>
    <xf numFmtId="49" fontId="17" fillId="2" borderId="0" xfId="0" applyNumberFormat="1" applyFont="1" applyFill="1" applyBorder="1" applyAlignment="1">
      <alignment horizontal="left" vertical="center"/>
    </xf>
    <xf numFmtId="0" fontId="3" fillId="2" borderId="0" xfId="1" applyFont="1" applyFill="1" applyBorder="1" applyAlignment="1">
      <alignment horizontal="left" vertical="center"/>
    </xf>
    <xf numFmtId="0" fontId="25" fillId="2" borderId="2" xfId="1" applyFont="1" applyFill="1" applyBorder="1" applyAlignment="1">
      <alignment vertical="center"/>
    </xf>
    <xf numFmtId="0" fontId="3" fillId="2" borderId="2" xfId="1" applyFont="1" applyFill="1" applyBorder="1" applyAlignment="1">
      <alignment horizontal="left" vertical="center"/>
    </xf>
    <xf numFmtId="0" fontId="3" fillId="2" borderId="1" xfId="1" applyFont="1" applyFill="1" applyBorder="1" applyAlignment="1">
      <alignment vertical="center" wrapText="1"/>
    </xf>
    <xf numFmtId="0" fontId="3" fillId="2" borderId="1" xfId="1" applyFont="1" applyFill="1" applyBorder="1" applyAlignment="1">
      <alignment horizontal="left" vertical="top" wrapText="1"/>
    </xf>
    <xf numFmtId="0" fontId="3" fillId="2" borderId="1" xfId="1" applyFont="1" applyFill="1" applyBorder="1" applyAlignment="1">
      <alignment vertical="center"/>
    </xf>
    <xf numFmtId="0" fontId="0" fillId="0" borderId="0" xfId="0" applyFill="1" applyAlignment="1">
      <alignment vertical="center"/>
    </xf>
    <xf numFmtId="0" fontId="13" fillId="2" borderId="0" xfId="0" applyFont="1" applyFill="1" applyBorder="1" applyAlignment="1">
      <alignment vertical="center"/>
    </xf>
    <xf numFmtId="0" fontId="13" fillId="2" borderId="2" xfId="0" applyFont="1" applyFill="1" applyBorder="1" applyAlignment="1">
      <alignment vertical="center"/>
    </xf>
    <xf numFmtId="0" fontId="13" fillId="2" borderId="1" xfId="0" applyFont="1" applyFill="1" applyBorder="1" applyAlignment="1">
      <alignment vertical="center"/>
    </xf>
    <xf numFmtId="0" fontId="21" fillId="2" borderId="1" xfId="1" applyFont="1" applyFill="1" applyBorder="1" applyAlignment="1">
      <alignment vertical="center"/>
    </xf>
    <xf numFmtId="0" fontId="22" fillId="2" borderId="2" xfId="1" applyFont="1" applyFill="1" applyBorder="1" applyAlignment="1">
      <alignment vertical="center"/>
    </xf>
    <xf numFmtId="0" fontId="22" fillId="2" borderId="0" xfId="1" applyFont="1" applyFill="1" applyBorder="1" applyAlignment="1">
      <alignment vertical="center"/>
    </xf>
    <xf numFmtId="0" fontId="23" fillId="2" borderId="1" xfId="0" applyFont="1" applyFill="1" applyBorder="1" applyAlignment="1">
      <alignment vertical="center"/>
    </xf>
    <xf numFmtId="0" fontId="3" fillId="2" borderId="9" xfId="1" applyFont="1" applyFill="1" applyBorder="1" applyAlignment="1">
      <alignment horizontal="center" vertical="center"/>
    </xf>
    <xf numFmtId="0" fontId="3" fillId="2" borderId="10" xfId="1" applyFont="1" applyFill="1" applyBorder="1" applyAlignment="1">
      <alignment horizontal="center" vertical="center"/>
    </xf>
    <xf numFmtId="0" fontId="3" fillId="2" borderId="15" xfId="1" applyFont="1" applyFill="1" applyBorder="1" applyAlignment="1">
      <alignment horizontal="center" vertical="center"/>
    </xf>
    <xf numFmtId="0" fontId="16" fillId="2" borderId="9" xfId="1" applyFont="1" applyFill="1" applyBorder="1" applyAlignment="1">
      <alignment horizontal="left" vertical="center" shrinkToFit="1"/>
    </xf>
    <xf numFmtId="0" fontId="16" fillId="2" borderId="6" xfId="1" applyFont="1" applyFill="1" applyBorder="1" applyAlignment="1">
      <alignment vertical="center"/>
    </xf>
    <xf numFmtId="49" fontId="16" fillId="2" borderId="15" xfId="1" applyNumberFormat="1" applyFont="1" applyFill="1" applyBorder="1" applyAlignment="1">
      <alignment vertical="center"/>
    </xf>
    <xf numFmtId="0" fontId="16" fillId="2" borderId="1" xfId="1" applyFont="1" applyFill="1" applyBorder="1" applyAlignment="1">
      <alignment horizontal="left" vertical="center" shrinkToFit="1"/>
    </xf>
    <xf numFmtId="49" fontId="16" fillId="2" borderId="13" xfId="1" applyNumberFormat="1" applyFont="1" applyFill="1" applyBorder="1" applyAlignment="1">
      <alignment vertical="center"/>
    </xf>
    <xf numFmtId="0" fontId="16" fillId="2" borderId="2" xfId="1" applyFont="1" applyFill="1" applyBorder="1" applyAlignment="1">
      <alignment vertical="center"/>
    </xf>
    <xf numFmtId="0" fontId="16" fillId="2" borderId="1" xfId="1" applyFont="1" applyFill="1" applyBorder="1" applyAlignment="1">
      <alignment vertical="center" shrinkToFit="1"/>
    </xf>
    <xf numFmtId="0" fontId="16" fillId="2" borderId="1" xfId="1" applyFont="1" applyFill="1" applyBorder="1" applyAlignment="1">
      <alignment vertical="center"/>
    </xf>
    <xf numFmtId="0" fontId="16" fillId="2" borderId="1" xfId="1" applyFont="1" applyFill="1" applyBorder="1" applyAlignment="1">
      <alignment horizontal="left" vertical="center"/>
    </xf>
    <xf numFmtId="0" fontId="16" fillId="2" borderId="11" xfId="1" applyFont="1" applyFill="1" applyBorder="1" applyAlignment="1">
      <alignment vertical="center"/>
    </xf>
    <xf numFmtId="0" fontId="16" fillId="2" borderId="4" xfId="1" applyFont="1" applyFill="1" applyBorder="1" applyAlignment="1">
      <alignment vertical="center"/>
    </xf>
    <xf numFmtId="49" fontId="16" fillId="2" borderId="14" xfId="1" applyNumberFormat="1" applyFont="1" applyFill="1" applyBorder="1" applyAlignment="1">
      <alignment vertical="center"/>
    </xf>
    <xf numFmtId="49" fontId="3" fillId="2" borderId="1" xfId="1" applyNumberFormat="1" applyFont="1" applyFill="1" applyBorder="1" applyAlignment="1">
      <alignment vertical="center"/>
    </xf>
    <xf numFmtId="0" fontId="3" fillId="2" borderId="13" xfId="1" applyFont="1" applyFill="1" applyBorder="1" applyAlignment="1">
      <alignment horizontal="center" vertical="center"/>
    </xf>
    <xf numFmtId="49" fontId="21" fillId="2" borderId="1" xfId="1" applyNumberFormat="1" applyFont="1" applyFill="1" applyBorder="1" applyAlignment="1">
      <alignment vertical="center"/>
    </xf>
    <xf numFmtId="0" fontId="16" fillId="2" borderId="9" xfId="1" applyFont="1" applyFill="1" applyBorder="1" applyAlignment="1">
      <alignment vertical="center"/>
    </xf>
    <xf numFmtId="49" fontId="16" fillId="2" borderId="13" xfId="2" applyNumberFormat="1" applyFont="1" applyFill="1" applyBorder="1" applyAlignment="1">
      <alignment vertical="center"/>
    </xf>
    <xf numFmtId="0" fontId="3" fillId="2" borderId="11" xfId="1" applyFont="1" applyFill="1" applyBorder="1" applyAlignment="1">
      <alignment vertical="center"/>
    </xf>
    <xf numFmtId="0" fontId="3" fillId="2" borderId="12" xfId="1" applyFont="1" applyFill="1" applyBorder="1" applyAlignment="1">
      <alignment vertical="center"/>
    </xf>
    <xf numFmtId="6" fontId="16" fillId="2" borderId="12" xfId="2" applyFont="1" applyFill="1" applyBorder="1" applyAlignment="1">
      <alignment vertical="center"/>
    </xf>
    <xf numFmtId="49" fontId="16" fillId="2" borderId="0" xfId="1" applyNumberFormat="1" applyFont="1" applyFill="1" applyBorder="1" applyAlignment="1">
      <alignment vertical="center"/>
    </xf>
    <xf numFmtId="58" fontId="21" fillId="2" borderId="0" xfId="1" applyNumberFormat="1" applyFont="1" applyFill="1" applyBorder="1" applyAlignment="1">
      <alignment horizontal="left" vertical="center"/>
    </xf>
    <xf numFmtId="0" fontId="21" fillId="2" borderId="0" xfId="1" applyFont="1" applyFill="1" applyBorder="1" applyAlignment="1">
      <alignment horizontal="left" vertical="center"/>
    </xf>
    <xf numFmtId="0" fontId="21" fillId="2" borderId="0" xfId="1" applyFont="1" applyFill="1" applyBorder="1" applyAlignment="1">
      <alignment vertical="center"/>
    </xf>
    <xf numFmtId="0" fontId="21" fillId="2" borderId="2" xfId="1" applyFont="1" applyFill="1" applyBorder="1" applyAlignment="1">
      <alignment vertical="center"/>
    </xf>
    <xf numFmtId="0" fontId="13" fillId="2" borderId="11" xfId="0" applyFont="1" applyFill="1" applyBorder="1" applyAlignment="1">
      <alignment vertical="center"/>
    </xf>
    <xf numFmtId="0" fontId="13" fillId="2" borderId="4" xfId="0" applyFont="1" applyFill="1" applyBorder="1" applyAlignment="1">
      <alignment vertical="center"/>
    </xf>
    <xf numFmtId="0" fontId="13" fillId="2" borderId="12" xfId="0" applyFont="1" applyFill="1" applyBorder="1" applyAlignment="1">
      <alignment vertical="center"/>
    </xf>
    <xf numFmtId="0" fontId="0" fillId="0" borderId="0" xfId="0" applyFill="1" applyBorder="1" applyAlignment="1">
      <alignment vertical="center"/>
    </xf>
    <xf numFmtId="0" fontId="26" fillId="2" borderId="4" xfId="0" applyFont="1" applyFill="1" applyBorder="1" applyAlignment="1">
      <alignment vertical="center"/>
    </xf>
    <xf numFmtId="0" fontId="21" fillId="2" borderId="1" xfId="1" applyFont="1" applyFill="1" applyBorder="1" applyAlignment="1">
      <alignment horizontal="left" vertical="center"/>
    </xf>
    <xf numFmtId="0" fontId="16" fillId="2" borderId="12" xfId="1" applyFont="1" applyFill="1" applyBorder="1" applyAlignment="1">
      <alignment vertical="center"/>
    </xf>
    <xf numFmtId="0" fontId="0" fillId="0" borderId="0" xfId="0" applyFill="1" applyAlignment="1">
      <alignment horizontal="center" vertical="center"/>
    </xf>
    <xf numFmtId="0" fontId="3" fillId="2" borderId="0" xfId="1" applyFont="1" applyFill="1" applyBorder="1" applyAlignment="1">
      <alignment vertical="top" wrapText="1"/>
    </xf>
    <xf numFmtId="0" fontId="3" fillId="2" borderId="1" xfId="1" applyFont="1" applyFill="1" applyBorder="1" applyAlignment="1">
      <alignment vertical="top" wrapText="1"/>
    </xf>
    <xf numFmtId="0" fontId="0" fillId="0" borderId="12" xfId="0" applyFill="1" applyBorder="1" applyAlignment="1">
      <alignment vertical="center"/>
    </xf>
    <xf numFmtId="0" fontId="13" fillId="2" borderId="10" xfId="0" applyFont="1" applyFill="1" applyBorder="1" applyAlignment="1">
      <alignment vertical="center"/>
    </xf>
    <xf numFmtId="0" fontId="3" fillId="2" borderId="9" xfId="1" applyFont="1" applyFill="1" applyBorder="1" applyAlignment="1">
      <alignment horizontal="left" vertical="top" wrapText="1"/>
    </xf>
    <xf numFmtId="0" fontId="14" fillId="2" borderId="3" xfId="0" applyFont="1" applyFill="1" applyBorder="1" applyAlignment="1">
      <alignment horizontal="center" vertical="top" wrapText="1"/>
    </xf>
    <xf numFmtId="0" fontId="29" fillId="2" borderId="0" xfId="0" applyFont="1" applyFill="1" applyBorder="1" applyAlignment="1">
      <alignment vertical="center"/>
    </xf>
    <xf numFmtId="0" fontId="29" fillId="2" borderId="10" xfId="0" applyFont="1" applyFill="1" applyBorder="1" applyAlignment="1">
      <alignment vertical="center"/>
    </xf>
    <xf numFmtId="0" fontId="29" fillId="2" borderId="2" xfId="0" applyFont="1" applyFill="1" applyBorder="1" applyAlignment="1">
      <alignment vertical="center"/>
    </xf>
    <xf numFmtId="0" fontId="29" fillId="2" borderId="1" xfId="0" applyFont="1" applyFill="1" applyBorder="1" applyAlignment="1">
      <alignment vertical="center"/>
    </xf>
    <xf numFmtId="0" fontId="30" fillId="2" borderId="0" xfId="0" applyFont="1" applyFill="1" applyBorder="1" applyAlignment="1">
      <alignment vertical="center"/>
    </xf>
    <xf numFmtId="49" fontId="3" fillId="2" borderId="0" xfId="1" applyNumberFormat="1" applyFont="1" applyFill="1" applyBorder="1" applyAlignment="1">
      <alignment horizontal="right" vertical="center"/>
    </xf>
    <xf numFmtId="0" fontId="29" fillId="2" borderId="2" xfId="0" applyFont="1" applyFill="1" applyBorder="1" applyAlignment="1">
      <alignment horizontal="left" vertical="center"/>
    </xf>
    <xf numFmtId="0" fontId="21" fillId="2" borderId="1" xfId="0" applyFont="1" applyFill="1" applyBorder="1" applyAlignment="1">
      <alignment vertical="center"/>
    </xf>
    <xf numFmtId="49" fontId="29" fillId="2" borderId="0" xfId="0" applyNumberFormat="1" applyFont="1" applyFill="1" applyBorder="1" applyAlignment="1">
      <alignment horizontal="right" vertical="center"/>
    </xf>
    <xf numFmtId="0" fontId="29" fillId="2" borderId="0" xfId="0" applyFont="1" applyFill="1" applyBorder="1" applyAlignment="1">
      <alignment horizontal="left" vertical="center"/>
    </xf>
    <xf numFmtId="49" fontId="30" fillId="2" borderId="0" xfId="0" applyNumberFormat="1" applyFont="1" applyFill="1" applyBorder="1" applyAlignment="1">
      <alignment horizontal="left" vertical="center"/>
    </xf>
    <xf numFmtId="0" fontId="3" fillId="2" borderId="9" xfId="1" applyFont="1" applyFill="1" applyBorder="1" applyAlignment="1">
      <alignment horizontal="left" vertical="center" shrinkToFit="1"/>
    </xf>
    <xf numFmtId="0" fontId="3" fillId="2" borderId="6" xfId="1" applyFont="1" applyFill="1" applyBorder="1" applyAlignment="1">
      <alignment vertical="center"/>
    </xf>
    <xf numFmtId="49" fontId="3" fillId="2" borderId="15" xfId="1" applyNumberFormat="1" applyFont="1" applyFill="1" applyBorder="1" applyAlignment="1">
      <alignment vertical="center"/>
    </xf>
    <xf numFmtId="0" fontId="3" fillId="2" borderId="1" xfId="1" applyFont="1" applyFill="1" applyBorder="1" applyAlignment="1">
      <alignment horizontal="left" vertical="center" shrinkToFit="1"/>
    </xf>
    <xf numFmtId="49" fontId="3" fillId="2" borderId="13" xfId="1" applyNumberFormat="1" applyFont="1" applyFill="1" applyBorder="1" applyAlignment="1">
      <alignment vertical="center"/>
    </xf>
    <xf numFmtId="0" fontId="3" fillId="2" borderId="1" xfId="1" applyFont="1" applyFill="1" applyBorder="1" applyAlignment="1">
      <alignment vertical="center" shrinkToFit="1"/>
    </xf>
    <xf numFmtId="0" fontId="3" fillId="2" borderId="1" xfId="1" applyFont="1" applyFill="1" applyBorder="1" applyAlignment="1">
      <alignment horizontal="left" vertical="center"/>
    </xf>
    <xf numFmtId="49" fontId="3" fillId="2" borderId="14" xfId="1" applyNumberFormat="1" applyFont="1" applyFill="1" applyBorder="1" applyAlignment="1">
      <alignment vertical="center"/>
    </xf>
    <xf numFmtId="0" fontId="3" fillId="2" borderId="9" xfId="1" applyFont="1" applyFill="1" applyBorder="1" applyAlignment="1">
      <alignment vertical="center"/>
    </xf>
    <xf numFmtId="49" fontId="3" fillId="2" borderId="13" xfId="2" applyNumberFormat="1" applyFont="1" applyFill="1" applyBorder="1" applyAlignment="1">
      <alignment vertical="center"/>
    </xf>
    <xf numFmtId="6" fontId="3" fillId="2" borderId="12" xfId="2" applyFont="1" applyFill="1" applyBorder="1" applyAlignment="1">
      <alignment vertical="center"/>
    </xf>
    <xf numFmtId="0" fontId="3" fillId="2" borderId="4" xfId="1" applyFont="1" applyFill="1" applyBorder="1" applyAlignment="1">
      <alignment vertical="center"/>
    </xf>
    <xf numFmtId="0" fontId="30" fillId="2" borderId="2" xfId="0" applyFont="1" applyFill="1" applyBorder="1" applyAlignment="1">
      <alignment vertical="center"/>
    </xf>
    <xf numFmtId="49" fontId="3" fillId="2" borderId="0" xfId="1" applyNumberFormat="1" applyFont="1" applyFill="1" applyBorder="1" applyAlignment="1">
      <alignment vertical="center"/>
    </xf>
    <xf numFmtId="0" fontId="30" fillId="2" borderId="0" xfId="0" applyFont="1" applyFill="1" applyBorder="1" applyAlignment="1">
      <alignment horizontal="left" vertical="top" wrapText="1"/>
    </xf>
    <xf numFmtId="0" fontId="30" fillId="2" borderId="3" xfId="0" applyFont="1" applyFill="1" applyBorder="1" applyAlignment="1">
      <alignment horizontal="center" vertical="center"/>
    </xf>
    <xf numFmtId="0" fontId="29" fillId="2" borderId="11" xfId="0" applyFont="1" applyFill="1" applyBorder="1" applyAlignment="1">
      <alignment vertical="center"/>
    </xf>
    <xf numFmtId="0" fontId="29" fillId="2" borderId="4" xfId="0" applyFont="1" applyFill="1" applyBorder="1" applyAlignment="1">
      <alignment vertical="center"/>
    </xf>
    <xf numFmtId="0" fontId="29" fillId="2" borderId="12" xfId="0" applyFont="1" applyFill="1" applyBorder="1" applyAlignment="1">
      <alignment vertical="center"/>
    </xf>
    <xf numFmtId="0" fontId="31" fillId="2" borderId="4" xfId="0" applyFont="1" applyFill="1" applyBorder="1" applyAlignment="1">
      <alignment vertical="center"/>
    </xf>
    <xf numFmtId="0" fontId="32" fillId="0" borderId="12" xfId="0" applyFont="1" applyFill="1" applyBorder="1" applyAlignment="1">
      <alignment vertical="center"/>
    </xf>
    <xf numFmtId="0" fontId="21" fillId="2" borderId="3" xfId="0" applyFont="1" applyFill="1" applyBorder="1" applyAlignment="1">
      <alignment horizontal="center" vertical="top" wrapText="1"/>
    </xf>
    <xf numFmtId="0" fontId="35" fillId="0" borderId="0" xfId="0" applyFont="1">
      <alignment vertical="center"/>
    </xf>
    <xf numFmtId="0" fontId="35" fillId="0" borderId="0" xfId="0" applyFont="1" applyBorder="1">
      <alignment vertical="center"/>
    </xf>
    <xf numFmtId="0" fontId="16" fillId="0" borderId="0" xfId="1" applyFont="1" applyFill="1" applyBorder="1" applyAlignment="1">
      <alignment vertical="center"/>
    </xf>
    <xf numFmtId="0" fontId="29" fillId="2" borderId="0" xfId="0" applyFont="1" applyFill="1" applyBorder="1" applyAlignment="1">
      <alignment horizontal="left" vertical="center"/>
    </xf>
    <xf numFmtId="0" fontId="30" fillId="2" borderId="0" xfId="0" applyFont="1" applyFill="1" applyBorder="1" applyAlignment="1">
      <alignment horizontal="left" vertical="top" wrapText="1"/>
    </xf>
    <xf numFmtId="0" fontId="20" fillId="2" borderId="4" xfId="1" applyFont="1" applyFill="1" applyBorder="1" applyAlignment="1">
      <alignment horizontal="center" vertical="center"/>
    </xf>
    <xf numFmtId="0" fontId="6" fillId="2" borderId="7" xfId="1" applyFont="1" applyFill="1" applyBorder="1" applyAlignment="1">
      <alignment horizontal="center" vertical="center"/>
    </xf>
    <xf numFmtId="0" fontId="6" fillId="2" borderId="5" xfId="1" applyFont="1" applyFill="1" applyBorder="1" applyAlignment="1">
      <alignment horizontal="center" vertical="center"/>
    </xf>
    <xf numFmtId="0" fontId="6" fillId="2" borderId="8" xfId="1" applyFont="1" applyFill="1" applyBorder="1" applyAlignment="1">
      <alignment horizontal="center" vertical="center"/>
    </xf>
    <xf numFmtId="0" fontId="21" fillId="2" borderId="1" xfId="1" applyFont="1" applyFill="1" applyBorder="1" applyAlignment="1">
      <alignment horizontal="left" vertical="center"/>
    </xf>
    <xf numFmtId="0" fontId="21" fillId="2" borderId="0" xfId="1" applyFont="1" applyFill="1" applyBorder="1" applyAlignment="1">
      <alignment horizontal="left" vertical="center"/>
    </xf>
    <xf numFmtId="0" fontId="21" fillId="2" borderId="2" xfId="1" applyFont="1" applyFill="1" applyBorder="1" applyAlignment="1">
      <alignment horizontal="left" vertical="center"/>
    </xf>
    <xf numFmtId="0" fontId="3" fillId="2" borderId="0" xfId="1" applyFont="1" applyFill="1" applyBorder="1" applyAlignment="1">
      <alignment horizontal="left" vertical="top" wrapText="1"/>
    </xf>
    <xf numFmtId="0" fontId="30" fillId="2" borderId="0" xfId="0" applyFont="1" applyFill="1" applyBorder="1" applyAlignment="1">
      <alignment horizontal="left" vertical="top"/>
    </xf>
    <xf numFmtId="0" fontId="11" fillId="2" borderId="0" xfId="1" applyFont="1" applyFill="1" applyBorder="1" applyAlignment="1">
      <alignment horizontal="left" vertical="center" wrapText="1"/>
    </xf>
    <xf numFmtId="0" fontId="3" fillId="2" borderId="0" xfId="1" applyFont="1" applyFill="1" applyBorder="1" applyAlignment="1">
      <alignment horizontal="left" vertical="center" wrapText="1"/>
    </xf>
    <xf numFmtId="0" fontId="9" fillId="2" borderId="0" xfId="1" applyFont="1" applyFill="1" applyBorder="1" applyAlignment="1">
      <alignment horizontal="left" vertical="center" wrapText="1"/>
    </xf>
    <xf numFmtId="0" fontId="21" fillId="2" borderId="0" xfId="1" applyFont="1" applyFill="1" applyBorder="1" applyAlignment="1">
      <alignment vertical="center"/>
    </xf>
    <xf numFmtId="0" fontId="3" fillId="2" borderId="1" xfId="1" applyFont="1" applyFill="1" applyBorder="1" applyAlignment="1">
      <alignment horizontal="left" vertical="top" wrapText="1"/>
    </xf>
    <xf numFmtId="0" fontId="21" fillId="2" borderId="0" xfId="1" applyFont="1" applyFill="1" applyBorder="1" applyAlignment="1">
      <alignment horizontal="left" vertical="center" wrapText="1"/>
    </xf>
    <xf numFmtId="0" fontId="24" fillId="2" borderId="0" xfId="0" applyFont="1" applyFill="1" applyBorder="1" applyAlignment="1">
      <alignment horizontal="left" vertical="center"/>
    </xf>
    <xf numFmtId="0" fontId="17" fillId="2" borderId="0" xfId="0" applyFont="1" applyFill="1" applyBorder="1" applyAlignment="1">
      <alignment horizontal="left" vertical="top"/>
    </xf>
    <xf numFmtId="0" fontId="16" fillId="2" borderId="9" xfId="1" applyFont="1" applyFill="1" applyBorder="1" applyAlignment="1">
      <alignment horizontal="center" vertical="center" wrapText="1"/>
    </xf>
    <xf numFmtId="0" fontId="16" fillId="2" borderId="10" xfId="1" applyFont="1" applyFill="1" applyBorder="1" applyAlignment="1">
      <alignment horizontal="center" vertical="center" wrapText="1"/>
    </xf>
    <xf numFmtId="0" fontId="16" fillId="2" borderId="11" xfId="1" applyFont="1" applyFill="1" applyBorder="1" applyAlignment="1">
      <alignment horizontal="center" vertical="center" wrapText="1"/>
    </xf>
    <xf numFmtId="0" fontId="16" fillId="2" borderId="12" xfId="1" applyFont="1" applyFill="1" applyBorder="1" applyAlignment="1">
      <alignment horizontal="center" vertical="center" wrapText="1"/>
    </xf>
    <xf numFmtId="0" fontId="17" fillId="2" borderId="0" xfId="0" applyFont="1" applyFill="1" applyBorder="1" applyAlignment="1">
      <alignment horizontal="left" vertical="top" wrapText="1"/>
    </xf>
    <xf numFmtId="0" fontId="3" fillId="2" borderId="3" xfId="1" applyFont="1" applyFill="1" applyBorder="1" applyAlignment="1">
      <alignment horizontal="left" vertical="center"/>
    </xf>
    <xf numFmtId="0" fontId="10" fillId="2" borderId="0" xfId="1" applyFont="1" applyFill="1" applyBorder="1" applyAlignment="1">
      <alignment horizontal="left" vertical="center" wrapText="1"/>
    </xf>
    <xf numFmtId="0" fontId="33" fillId="2" borderId="6" xfId="0" applyFont="1" applyFill="1" applyBorder="1" applyAlignment="1">
      <alignment horizontal="center" vertical="center"/>
    </xf>
    <xf numFmtId="0" fontId="34" fillId="2" borderId="6" xfId="0" applyFont="1" applyFill="1" applyBorder="1" applyAlignment="1">
      <alignment horizontal="center" vertical="center"/>
    </xf>
    <xf numFmtId="0" fontId="34" fillId="2" borderId="4" xfId="0" applyFont="1" applyFill="1" applyBorder="1" applyAlignment="1">
      <alignment horizontal="center" vertical="center"/>
    </xf>
    <xf numFmtId="0" fontId="21" fillId="2" borderId="7" xfId="1" applyFont="1" applyFill="1" applyBorder="1" applyAlignment="1">
      <alignment horizontal="center" vertical="center"/>
    </xf>
    <xf numFmtId="0" fontId="21" fillId="2" borderId="8" xfId="1" applyFont="1" applyFill="1" applyBorder="1" applyAlignment="1">
      <alignment horizontal="center" vertical="center"/>
    </xf>
    <xf numFmtId="0" fontId="3" fillId="2" borderId="7" xfId="1" applyFont="1" applyFill="1" applyBorder="1" applyAlignment="1">
      <alignment horizontal="left" vertical="center"/>
    </xf>
    <xf numFmtId="0" fontId="3" fillId="2" borderId="8" xfId="1" applyFont="1" applyFill="1" applyBorder="1" applyAlignment="1">
      <alignment horizontal="left" vertical="center"/>
    </xf>
    <xf numFmtId="0" fontId="16" fillId="2" borderId="7" xfId="1" applyFont="1" applyFill="1" applyBorder="1" applyAlignment="1">
      <alignment horizontal="left" vertical="center"/>
    </xf>
    <xf numFmtId="0" fontId="16" fillId="2" borderId="8" xfId="1" applyFont="1" applyFill="1" applyBorder="1" applyAlignment="1">
      <alignment horizontal="left" vertical="center"/>
    </xf>
    <xf numFmtId="0" fontId="16" fillId="2" borderId="3" xfId="1" applyFont="1" applyFill="1" applyBorder="1" applyAlignment="1">
      <alignment horizontal="left" vertical="center"/>
    </xf>
    <xf numFmtId="0" fontId="28" fillId="2" borderId="6" xfId="0" applyFont="1" applyFill="1" applyBorder="1" applyAlignment="1">
      <alignment horizontal="center" vertical="center"/>
    </xf>
    <xf numFmtId="0" fontId="27" fillId="2" borderId="6" xfId="0" applyFont="1" applyFill="1" applyBorder="1" applyAlignment="1">
      <alignment horizontal="center" vertical="center"/>
    </xf>
    <xf numFmtId="0" fontId="27" fillId="2" borderId="4" xfId="0" applyFont="1" applyFill="1" applyBorder="1" applyAlignment="1">
      <alignment horizontal="center" vertical="center"/>
    </xf>
  </cellXfs>
  <cellStyles count="3">
    <cellStyle name="通貨" xfId="2" builtinId="7"/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69"/>
  <sheetViews>
    <sheetView view="pageBreakPreview" zoomScaleNormal="50" zoomScaleSheetLayoutView="100" workbookViewId="0">
      <selection activeCell="F24" sqref="F24:I56"/>
    </sheetView>
  </sheetViews>
  <sheetFormatPr defaultColWidth="9" defaultRowHeight="20.100000000000001" customHeight="1"/>
  <cols>
    <col min="1" max="1" width="5" style="33" customWidth="1"/>
    <col min="2" max="2" width="23.3984375" style="33" customWidth="1"/>
    <col min="3" max="3" width="10.8984375" style="33" customWidth="1"/>
    <col min="4" max="4" width="15.3984375" style="33" customWidth="1"/>
    <col min="5" max="6" width="4.8984375" style="33" customWidth="1"/>
    <col min="7" max="7" width="21.3984375" style="33" customWidth="1"/>
    <col min="8" max="8" width="34.59765625" style="33" customWidth="1"/>
    <col min="9" max="9" width="34.69921875" style="33" customWidth="1"/>
    <col min="10" max="10" width="2.09765625" style="33" customWidth="1"/>
    <col min="11" max="11" width="64.09765625" style="33" customWidth="1"/>
    <col min="12" max="12" width="70.59765625" style="33" customWidth="1"/>
    <col min="13" max="13" width="6.19921875" style="33" customWidth="1"/>
    <col min="14" max="16384" width="9" style="33"/>
  </cols>
  <sheetData>
    <row r="1" spans="1:13" ht="36" customHeight="1">
      <c r="A1" s="121" t="s">
        <v>148</v>
      </c>
      <c r="B1" s="121"/>
      <c r="C1" s="121"/>
      <c r="D1" s="121"/>
      <c r="E1" s="121"/>
      <c r="F1" s="121"/>
      <c r="G1" s="121"/>
      <c r="H1" s="121"/>
      <c r="I1" s="121"/>
      <c r="J1" s="121"/>
      <c r="K1" s="8"/>
      <c r="L1" s="8"/>
      <c r="M1" s="8"/>
    </row>
    <row r="2" spans="1:13" ht="24.9" customHeight="1">
      <c r="A2" s="122" t="s">
        <v>0</v>
      </c>
      <c r="B2" s="123"/>
      <c r="C2" s="123"/>
      <c r="D2" s="123"/>
      <c r="E2" s="124"/>
      <c r="F2" s="122" t="s">
        <v>29</v>
      </c>
      <c r="G2" s="123"/>
      <c r="H2" s="123"/>
      <c r="I2" s="123"/>
      <c r="J2" s="124"/>
    </row>
    <row r="3" spans="1:13" ht="9" customHeight="1">
      <c r="A3" s="30" t="s">
        <v>40</v>
      </c>
      <c r="B3" s="12"/>
      <c r="C3" s="12"/>
      <c r="D3" s="12"/>
      <c r="E3" s="13"/>
      <c r="F3" s="7"/>
      <c r="G3" s="7"/>
      <c r="H3" s="7"/>
      <c r="I3" s="83"/>
      <c r="J3" s="84"/>
    </row>
    <row r="4" spans="1:13" ht="20.100000000000001" customHeight="1">
      <c r="A4" s="32" t="s">
        <v>126</v>
      </c>
      <c r="B4" s="12"/>
      <c r="C4" s="7"/>
      <c r="D4" s="12"/>
      <c r="E4" s="13"/>
      <c r="F4" s="125" t="s">
        <v>132</v>
      </c>
      <c r="G4" s="126"/>
      <c r="H4" s="126"/>
      <c r="I4" s="126"/>
      <c r="J4" s="127"/>
    </row>
    <row r="5" spans="1:13" ht="20.100000000000001" customHeight="1">
      <c r="A5" s="32"/>
      <c r="B5" s="7"/>
      <c r="C5" s="12"/>
      <c r="D5" s="12"/>
      <c r="E5" s="85"/>
      <c r="F5" s="125" t="s">
        <v>133</v>
      </c>
      <c r="G5" s="126"/>
      <c r="H5" s="126"/>
      <c r="I5" s="126"/>
      <c r="J5" s="127"/>
    </row>
    <row r="6" spans="1:13" ht="20.100000000000001" customHeight="1">
      <c r="A6" s="32"/>
      <c r="B6" s="7"/>
      <c r="C6" s="12"/>
      <c r="D6" s="12"/>
      <c r="E6" s="25"/>
      <c r="F6" s="12"/>
      <c r="G6" s="128" t="s">
        <v>152</v>
      </c>
      <c r="H6" s="128"/>
      <c r="I6" s="128"/>
      <c r="J6" s="85"/>
    </row>
    <row r="7" spans="1:13" ht="20.100000000000001" customHeight="1">
      <c r="A7" s="32" t="s">
        <v>165</v>
      </c>
      <c r="B7" s="7"/>
      <c r="C7" s="7"/>
      <c r="D7" s="83"/>
      <c r="E7" s="85"/>
      <c r="F7" s="12"/>
      <c r="G7" s="128"/>
      <c r="H7" s="128"/>
      <c r="I7" s="128"/>
      <c r="J7" s="85"/>
    </row>
    <row r="8" spans="1:13" ht="20.100000000000001" customHeight="1">
      <c r="A8" s="86"/>
      <c r="B8" s="7"/>
      <c r="C8" s="83"/>
      <c r="D8" s="83"/>
      <c r="E8" s="85"/>
      <c r="F8" s="12"/>
      <c r="G8" s="128"/>
      <c r="H8" s="128"/>
      <c r="I8" s="128"/>
      <c r="J8" s="85"/>
    </row>
    <row r="9" spans="1:13" ht="20.100000000000001" customHeight="1">
      <c r="A9" s="32"/>
      <c r="B9" s="7"/>
      <c r="C9" s="83"/>
      <c r="D9" s="83"/>
      <c r="E9" s="25"/>
      <c r="F9" s="12"/>
      <c r="G9" s="16"/>
      <c r="H9" s="16"/>
      <c r="I9" s="16"/>
      <c r="J9" s="85"/>
    </row>
    <row r="10" spans="1:13" ht="20.100000000000001" customHeight="1">
      <c r="A10" s="37"/>
      <c r="B10" s="83"/>
      <c r="C10" s="87"/>
      <c r="D10" s="7"/>
      <c r="E10" s="25"/>
      <c r="F10" s="125" t="s">
        <v>134</v>
      </c>
      <c r="G10" s="126"/>
      <c r="H10" s="126"/>
      <c r="I10" s="126"/>
      <c r="J10" s="127"/>
    </row>
    <row r="11" spans="1:13" ht="20.100000000000001" customHeight="1">
      <c r="A11" s="74" t="s">
        <v>67</v>
      </c>
      <c r="B11" s="7"/>
      <c r="C11" s="7"/>
      <c r="D11" s="7"/>
      <c r="E11" s="25"/>
      <c r="F11" s="37"/>
      <c r="G11" s="129"/>
      <c r="H11" s="129"/>
      <c r="I11" s="129"/>
      <c r="J11" s="68"/>
    </row>
    <row r="12" spans="1:13" ht="20.100000000000001" customHeight="1">
      <c r="A12" s="86"/>
      <c r="B12" s="7"/>
      <c r="C12" s="7"/>
      <c r="D12" s="7"/>
      <c r="E12" s="25"/>
      <c r="F12" s="67"/>
      <c r="G12" s="129"/>
      <c r="H12" s="129"/>
      <c r="I12" s="129"/>
      <c r="J12" s="85"/>
      <c r="K12" s="76"/>
    </row>
    <row r="13" spans="1:13" ht="20.100000000000001" customHeight="1">
      <c r="A13" s="32"/>
      <c r="B13" s="7"/>
      <c r="C13" s="7"/>
      <c r="D13" s="7"/>
      <c r="E13" s="25"/>
      <c r="F13" s="125" t="s">
        <v>135</v>
      </c>
      <c r="G13" s="126"/>
      <c r="H13" s="126"/>
      <c r="I13" s="126"/>
      <c r="J13" s="127"/>
    </row>
    <row r="14" spans="1:13" ht="20.100000000000001" customHeight="1">
      <c r="A14" s="37"/>
      <c r="B14" s="7"/>
      <c r="C14" s="7"/>
      <c r="D14" s="7"/>
      <c r="E14" s="29"/>
      <c r="F14" s="37"/>
      <c r="G14" s="128" t="s">
        <v>149</v>
      </c>
      <c r="H14" s="128"/>
      <c r="I14" s="128"/>
      <c r="J14" s="68"/>
    </row>
    <row r="15" spans="1:13" ht="12" customHeight="1">
      <c r="A15" s="37"/>
      <c r="B15" s="7"/>
      <c r="C15" s="7"/>
      <c r="D15" s="7"/>
      <c r="E15" s="29"/>
      <c r="F15" s="12"/>
      <c r="G15" s="128"/>
      <c r="H15" s="128"/>
      <c r="I15" s="128"/>
      <c r="J15" s="85"/>
    </row>
    <row r="16" spans="1:13" ht="20.100000000000001" customHeight="1">
      <c r="A16" s="37" t="s">
        <v>66</v>
      </c>
      <c r="B16" s="7"/>
      <c r="C16" s="7"/>
      <c r="D16" s="88"/>
      <c r="E16" s="25"/>
      <c r="F16" s="12"/>
      <c r="G16" s="128"/>
      <c r="H16" s="128"/>
      <c r="I16" s="128"/>
      <c r="J16" s="85"/>
    </row>
    <row r="17" spans="1:10" ht="20.100000000000001" customHeight="1">
      <c r="A17" s="86"/>
      <c r="B17" s="7" t="s">
        <v>137</v>
      </c>
      <c r="C17" s="88"/>
      <c r="D17" s="7" t="s">
        <v>86</v>
      </c>
      <c r="E17" s="89"/>
      <c r="F17" s="12"/>
      <c r="G17" s="128"/>
      <c r="H17" s="128"/>
      <c r="I17" s="128"/>
      <c r="J17" s="85"/>
    </row>
    <row r="18" spans="1:10" ht="20.100000000000001" customHeight="1">
      <c r="A18" s="90"/>
      <c r="B18" s="7" t="s">
        <v>138</v>
      </c>
      <c r="C18" s="91"/>
      <c r="D18" s="92" t="s">
        <v>86</v>
      </c>
      <c r="E18" s="89"/>
      <c r="F18" s="12"/>
      <c r="G18" s="128"/>
      <c r="H18" s="128"/>
      <c r="I18" s="128"/>
      <c r="J18" s="85"/>
    </row>
    <row r="19" spans="1:10" ht="20.100000000000001" customHeight="1">
      <c r="A19" s="90"/>
      <c r="B19" s="83"/>
      <c r="C19" s="7"/>
      <c r="D19" s="83"/>
      <c r="E19" s="89"/>
      <c r="F19" s="12"/>
      <c r="G19" s="128"/>
      <c r="H19" s="128"/>
      <c r="I19" s="128"/>
      <c r="J19" s="85"/>
    </row>
    <row r="20" spans="1:10" ht="20.100000000000001" customHeight="1">
      <c r="A20" s="90" t="s">
        <v>59</v>
      </c>
      <c r="B20" s="83"/>
      <c r="C20" s="7"/>
      <c r="D20" s="83"/>
      <c r="E20" s="89"/>
      <c r="F20" s="125" t="s">
        <v>136</v>
      </c>
      <c r="G20" s="126"/>
      <c r="H20" s="126"/>
      <c r="I20" s="126"/>
      <c r="J20" s="85"/>
    </row>
    <row r="21" spans="1:10" ht="20.100000000000001" customHeight="1">
      <c r="A21" s="32"/>
      <c r="B21" s="7" t="s">
        <v>60</v>
      </c>
      <c r="C21" s="119"/>
      <c r="D21" s="119"/>
      <c r="E21" s="85"/>
      <c r="F21" s="37"/>
      <c r="G21" s="120"/>
      <c r="H21" s="120"/>
      <c r="I21" s="120"/>
      <c r="J21" s="85"/>
    </row>
    <row r="22" spans="1:10" ht="20.100000000000001" customHeight="1">
      <c r="A22" s="32"/>
      <c r="B22" s="7" t="s">
        <v>61</v>
      </c>
      <c r="C22" s="93"/>
      <c r="D22" s="83"/>
      <c r="E22" s="85"/>
      <c r="F22" s="12"/>
      <c r="G22" s="120"/>
      <c r="H22" s="120"/>
      <c r="I22" s="120"/>
      <c r="J22" s="85"/>
    </row>
    <row r="23" spans="1:10" ht="20.100000000000001" customHeight="1">
      <c r="A23" s="32"/>
      <c r="B23" s="7" t="s">
        <v>47</v>
      </c>
      <c r="C23" s="119"/>
      <c r="D23" s="119"/>
      <c r="E23" s="85"/>
      <c r="F23" s="67" t="s">
        <v>153</v>
      </c>
      <c r="G23" s="12"/>
      <c r="H23" s="12"/>
      <c r="I23" s="7"/>
      <c r="J23" s="85"/>
    </row>
    <row r="24" spans="1:10" ht="20.100000000000001" customHeight="1">
      <c r="A24" s="32"/>
      <c r="B24" s="7" t="s">
        <v>48</v>
      </c>
      <c r="C24" s="119"/>
      <c r="D24" s="119"/>
      <c r="E24" s="85"/>
      <c r="F24" s="134" t="s">
        <v>154</v>
      </c>
      <c r="G24" s="128"/>
      <c r="H24" s="128"/>
      <c r="I24" s="128"/>
      <c r="J24" s="85"/>
    </row>
    <row r="25" spans="1:10" ht="20.100000000000001" customHeight="1">
      <c r="A25" s="32"/>
      <c r="B25" s="27" t="s">
        <v>62</v>
      </c>
      <c r="C25" s="119"/>
      <c r="D25" s="119"/>
      <c r="E25" s="85"/>
      <c r="F25" s="134"/>
      <c r="G25" s="128"/>
      <c r="H25" s="128"/>
      <c r="I25" s="128"/>
      <c r="J25" s="85"/>
    </row>
    <row r="26" spans="1:10" ht="20.100000000000001" customHeight="1">
      <c r="A26" s="32"/>
      <c r="B26" s="83"/>
      <c r="C26" s="27"/>
      <c r="D26" s="83"/>
      <c r="E26" s="89"/>
      <c r="F26" s="134"/>
      <c r="G26" s="128"/>
      <c r="H26" s="128"/>
      <c r="I26" s="128"/>
      <c r="J26" s="85"/>
    </row>
    <row r="27" spans="1:10" ht="20.100000000000001" customHeight="1">
      <c r="A27" s="32"/>
      <c r="B27" s="41" t="s">
        <v>35</v>
      </c>
      <c r="C27" s="42"/>
      <c r="D27" s="43" t="s">
        <v>92</v>
      </c>
      <c r="E27" s="85"/>
      <c r="F27" s="134"/>
      <c r="G27" s="128"/>
      <c r="H27" s="128"/>
      <c r="I27" s="128"/>
      <c r="J27" s="85"/>
    </row>
    <row r="28" spans="1:10" ht="20.100000000000001" customHeight="1">
      <c r="A28" s="32"/>
      <c r="B28" s="94"/>
      <c r="C28" s="95"/>
      <c r="D28" s="96"/>
      <c r="E28" s="9"/>
      <c r="F28" s="134"/>
      <c r="G28" s="128"/>
      <c r="H28" s="128"/>
      <c r="I28" s="128"/>
      <c r="J28" s="85"/>
    </row>
    <row r="29" spans="1:10" ht="20.100000000000001" customHeight="1">
      <c r="A29" s="32"/>
      <c r="B29" s="97"/>
      <c r="C29" s="7"/>
      <c r="D29" s="98"/>
      <c r="E29" s="25"/>
      <c r="F29" s="134"/>
      <c r="G29" s="128"/>
      <c r="H29" s="128"/>
      <c r="I29" s="128"/>
      <c r="J29" s="85"/>
    </row>
    <row r="30" spans="1:10" ht="20.100000000000001" customHeight="1">
      <c r="A30" s="32"/>
      <c r="B30" s="99"/>
      <c r="C30" s="7"/>
      <c r="D30" s="98"/>
      <c r="E30" s="25"/>
      <c r="F30" s="134"/>
      <c r="G30" s="128"/>
      <c r="H30" s="128"/>
      <c r="I30" s="128"/>
      <c r="J30" s="85"/>
    </row>
    <row r="31" spans="1:10" ht="20.100000000000001" customHeight="1">
      <c r="A31" s="32"/>
      <c r="B31" s="32"/>
      <c r="C31" s="7"/>
      <c r="D31" s="98"/>
      <c r="E31" s="25"/>
      <c r="F31" s="134"/>
      <c r="G31" s="128"/>
      <c r="H31" s="128"/>
      <c r="I31" s="128"/>
      <c r="J31" s="85"/>
    </row>
    <row r="32" spans="1:10" ht="20.100000000000001" customHeight="1">
      <c r="A32" s="32"/>
      <c r="B32" s="100"/>
      <c r="C32" s="7"/>
      <c r="D32" s="98"/>
      <c r="E32" s="25"/>
      <c r="F32" s="134"/>
      <c r="G32" s="128"/>
      <c r="H32" s="128"/>
      <c r="I32" s="128"/>
      <c r="J32" s="85"/>
    </row>
    <row r="33" spans="1:10" ht="20.100000000000001" customHeight="1">
      <c r="A33" s="32"/>
      <c r="B33" s="32"/>
      <c r="C33" s="7"/>
      <c r="D33" s="98"/>
      <c r="E33" s="25"/>
      <c r="F33" s="134"/>
      <c r="G33" s="128"/>
      <c r="H33" s="128"/>
      <c r="I33" s="128"/>
      <c r="J33" s="85"/>
    </row>
    <row r="34" spans="1:10" ht="20.100000000000001" customHeight="1">
      <c r="A34" s="32"/>
      <c r="B34" s="32"/>
      <c r="C34" s="7"/>
      <c r="D34" s="98"/>
      <c r="E34" s="25"/>
      <c r="F34" s="134"/>
      <c r="G34" s="128"/>
      <c r="H34" s="128"/>
      <c r="I34" s="128"/>
      <c r="J34" s="85"/>
    </row>
    <row r="35" spans="1:10" ht="20.100000000000001" customHeight="1">
      <c r="A35" s="32"/>
      <c r="B35" s="32"/>
      <c r="C35" s="7"/>
      <c r="D35" s="98"/>
      <c r="E35" s="25"/>
      <c r="F35" s="134"/>
      <c r="G35" s="128"/>
      <c r="H35" s="128"/>
      <c r="I35" s="128"/>
      <c r="J35" s="85"/>
    </row>
    <row r="36" spans="1:10" ht="20.100000000000001" customHeight="1">
      <c r="A36" s="32"/>
      <c r="B36" s="32"/>
      <c r="C36" s="7"/>
      <c r="D36" s="98"/>
      <c r="E36" s="25"/>
      <c r="F36" s="134"/>
      <c r="G36" s="128"/>
      <c r="H36" s="128"/>
      <c r="I36" s="128"/>
      <c r="J36" s="85"/>
    </row>
    <row r="37" spans="1:10" ht="20.100000000000001" customHeight="1">
      <c r="A37" s="32"/>
      <c r="B37" s="32"/>
      <c r="C37" s="7"/>
      <c r="D37" s="98"/>
      <c r="E37" s="25"/>
      <c r="F37" s="134"/>
      <c r="G37" s="128"/>
      <c r="H37" s="128"/>
      <c r="I37" s="128"/>
      <c r="J37" s="85"/>
    </row>
    <row r="38" spans="1:10" ht="20.100000000000001" customHeight="1">
      <c r="A38" s="32"/>
      <c r="B38" s="61"/>
      <c r="C38" s="62"/>
      <c r="D38" s="101"/>
      <c r="E38" s="25"/>
      <c r="F38" s="134"/>
      <c r="G38" s="128"/>
      <c r="H38" s="128"/>
      <c r="I38" s="128"/>
      <c r="J38" s="85"/>
    </row>
    <row r="39" spans="1:10" ht="20.100000000000001" customHeight="1">
      <c r="A39" s="56"/>
      <c r="B39" s="11" t="s">
        <v>30</v>
      </c>
      <c r="C39" s="9"/>
      <c r="D39" s="57" t="s">
        <v>92</v>
      </c>
      <c r="E39" s="25"/>
      <c r="F39" s="134"/>
      <c r="G39" s="128"/>
      <c r="H39" s="128"/>
      <c r="I39" s="128"/>
      <c r="J39" s="85"/>
    </row>
    <row r="40" spans="1:10" ht="20.100000000000001" customHeight="1">
      <c r="A40" s="58"/>
      <c r="B40" s="102"/>
      <c r="C40" s="95"/>
      <c r="D40" s="96"/>
      <c r="E40" s="9"/>
      <c r="F40" s="134"/>
      <c r="G40" s="128"/>
      <c r="H40" s="128"/>
      <c r="I40" s="128"/>
      <c r="J40" s="85"/>
    </row>
    <row r="41" spans="1:10" ht="20.100000000000001" customHeight="1">
      <c r="A41" s="58"/>
      <c r="B41" s="32"/>
      <c r="C41" s="7"/>
      <c r="D41" s="98"/>
      <c r="E41" s="29"/>
      <c r="F41" s="134"/>
      <c r="G41" s="128"/>
      <c r="H41" s="128"/>
      <c r="I41" s="128"/>
      <c r="J41" s="85"/>
    </row>
    <row r="42" spans="1:10" ht="20.100000000000001" customHeight="1">
      <c r="A42" s="58"/>
      <c r="B42" s="32"/>
      <c r="C42" s="7"/>
      <c r="D42" s="98"/>
      <c r="E42" s="9"/>
      <c r="F42" s="134"/>
      <c r="G42" s="128"/>
      <c r="H42" s="128"/>
      <c r="I42" s="128"/>
      <c r="J42" s="85"/>
    </row>
    <row r="43" spans="1:10" ht="20.100000000000001" customHeight="1">
      <c r="A43" s="32"/>
      <c r="B43" s="32"/>
      <c r="C43" s="7"/>
      <c r="D43" s="98"/>
      <c r="E43" s="25"/>
      <c r="F43" s="134"/>
      <c r="G43" s="128"/>
      <c r="H43" s="128"/>
      <c r="I43" s="128"/>
      <c r="J43" s="85"/>
    </row>
    <row r="44" spans="1:10" ht="20.100000000000001" customHeight="1">
      <c r="A44" s="32"/>
      <c r="B44" s="32"/>
      <c r="C44" s="7"/>
      <c r="D44" s="103"/>
      <c r="E44" s="25"/>
      <c r="F44" s="134"/>
      <c r="G44" s="128"/>
      <c r="H44" s="128"/>
      <c r="I44" s="128"/>
      <c r="J44" s="85"/>
    </row>
    <row r="45" spans="1:10" ht="20.100000000000001" customHeight="1">
      <c r="A45" s="32"/>
      <c r="B45" s="32"/>
      <c r="C45" s="7"/>
      <c r="D45" s="103"/>
      <c r="E45" s="25"/>
      <c r="F45" s="134"/>
      <c r="G45" s="128"/>
      <c r="H45" s="128"/>
      <c r="I45" s="128"/>
      <c r="J45" s="85"/>
    </row>
    <row r="46" spans="1:10" ht="20.100000000000001" customHeight="1">
      <c r="A46" s="32"/>
      <c r="B46" s="32"/>
      <c r="C46" s="7"/>
      <c r="D46" s="103"/>
      <c r="E46" s="25"/>
      <c r="F46" s="134"/>
      <c r="G46" s="128"/>
      <c r="H46" s="128"/>
      <c r="I46" s="128"/>
      <c r="J46" s="85"/>
    </row>
    <row r="47" spans="1:10" ht="20.100000000000001" customHeight="1">
      <c r="A47" s="32"/>
      <c r="B47" s="32"/>
      <c r="C47" s="7"/>
      <c r="D47" s="103"/>
      <c r="E47" s="25"/>
      <c r="F47" s="134"/>
      <c r="G47" s="128"/>
      <c r="H47" s="128"/>
      <c r="I47" s="128"/>
      <c r="J47" s="85"/>
    </row>
    <row r="48" spans="1:10" ht="20.100000000000001" customHeight="1">
      <c r="A48" s="86"/>
      <c r="B48" s="32"/>
      <c r="C48" s="7"/>
      <c r="D48" s="103"/>
      <c r="E48" s="9"/>
      <c r="F48" s="134"/>
      <c r="G48" s="128"/>
      <c r="H48" s="128"/>
      <c r="I48" s="128"/>
      <c r="J48" s="85"/>
    </row>
    <row r="49" spans="1:10" ht="20.100000000000001" customHeight="1">
      <c r="A49" s="86"/>
      <c r="B49" s="61"/>
      <c r="C49" s="62"/>
      <c r="D49" s="104"/>
      <c r="E49" s="85"/>
      <c r="F49" s="134"/>
      <c r="G49" s="128"/>
      <c r="H49" s="128"/>
      <c r="I49" s="128"/>
      <c r="J49" s="85"/>
    </row>
    <row r="50" spans="1:10" ht="20.100000000000001" customHeight="1">
      <c r="A50" s="86"/>
      <c r="B50" s="11" t="s">
        <v>34</v>
      </c>
      <c r="C50" s="9"/>
      <c r="D50" s="57" t="s">
        <v>92</v>
      </c>
      <c r="E50" s="85"/>
      <c r="F50" s="134"/>
      <c r="G50" s="128"/>
      <c r="H50" s="128"/>
      <c r="I50" s="128"/>
      <c r="J50" s="85"/>
    </row>
    <row r="51" spans="1:10" ht="20.100000000000001" customHeight="1">
      <c r="A51" s="58"/>
      <c r="B51" s="102"/>
      <c r="C51" s="95"/>
      <c r="D51" s="96"/>
      <c r="E51" s="28"/>
      <c r="F51" s="134"/>
      <c r="G51" s="128"/>
      <c r="H51" s="128"/>
      <c r="I51" s="128"/>
      <c r="J51" s="85"/>
    </row>
    <row r="52" spans="1:10" ht="20.100000000000001" customHeight="1">
      <c r="A52" s="58"/>
      <c r="B52" s="32"/>
      <c r="C52" s="7"/>
      <c r="D52" s="98"/>
      <c r="E52" s="85"/>
      <c r="F52" s="134"/>
      <c r="G52" s="128"/>
      <c r="H52" s="128"/>
      <c r="I52" s="128"/>
      <c r="J52" s="85"/>
    </row>
    <row r="53" spans="1:10" ht="20.100000000000001" customHeight="1">
      <c r="A53" s="58"/>
      <c r="B53" s="32"/>
      <c r="C53" s="7"/>
      <c r="D53" s="98"/>
      <c r="E53" s="85"/>
      <c r="F53" s="134"/>
      <c r="G53" s="128"/>
      <c r="H53" s="128"/>
      <c r="I53" s="128"/>
      <c r="J53" s="85"/>
    </row>
    <row r="54" spans="1:10" ht="20.100000000000001" customHeight="1">
      <c r="A54" s="32"/>
      <c r="B54" s="61"/>
      <c r="C54" s="105"/>
      <c r="D54" s="101"/>
      <c r="E54" s="29"/>
      <c r="F54" s="134"/>
      <c r="G54" s="128"/>
      <c r="H54" s="128"/>
      <c r="I54" s="128"/>
      <c r="J54" s="85"/>
    </row>
    <row r="55" spans="1:10" ht="20.100000000000001" customHeight="1">
      <c r="A55" s="32"/>
      <c r="B55" s="11" t="s">
        <v>33</v>
      </c>
      <c r="C55" s="9"/>
      <c r="D55" s="57" t="s">
        <v>92</v>
      </c>
      <c r="E55" s="85"/>
      <c r="F55" s="134"/>
      <c r="G55" s="128"/>
      <c r="H55" s="128"/>
      <c r="I55" s="128"/>
      <c r="J55" s="85"/>
    </row>
    <row r="56" spans="1:10" ht="20.100000000000001" customHeight="1">
      <c r="A56" s="86"/>
      <c r="B56" s="102"/>
      <c r="C56" s="95"/>
      <c r="D56" s="96"/>
      <c r="E56" s="29"/>
      <c r="F56" s="134"/>
      <c r="G56" s="128"/>
      <c r="H56" s="128"/>
      <c r="I56" s="128"/>
      <c r="J56" s="85"/>
    </row>
    <row r="57" spans="1:10" ht="20.100000000000001" customHeight="1">
      <c r="A57" s="86"/>
      <c r="B57" s="32"/>
      <c r="C57" s="7"/>
      <c r="D57" s="98"/>
      <c r="E57" s="106"/>
      <c r="F57" s="74" t="s">
        <v>191</v>
      </c>
      <c r="G57" s="66"/>
      <c r="H57" s="66"/>
      <c r="I57" s="77"/>
      <c r="J57" s="85"/>
    </row>
    <row r="58" spans="1:10" ht="20.100000000000001" customHeight="1">
      <c r="A58" s="86"/>
      <c r="B58" s="32"/>
      <c r="C58" s="7"/>
      <c r="D58" s="98"/>
      <c r="E58" s="85"/>
      <c r="F58" s="12"/>
      <c r="G58" s="135" t="s">
        <v>176</v>
      </c>
      <c r="H58" s="135"/>
      <c r="I58" s="77"/>
      <c r="J58" s="85"/>
    </row>
    <row r="59" spans="1:10" ht="20.100000000000001" customHeight="1">
      <c r="A59" s="86"/>
      <c r="B59" s="32"/>
      <c r="C59" s="7"/>
      <c r="D59" s="98"/>
      <c r="E59" s="85"/>
      <c r="F59" s="78"/>
      <c r="G59" s="77"/>
      <c r="H59" s="77"/>
      <c r="I59" s="77"/>
      <c r="J59" s="85"/>
    </row>
    <row r="60" spans="1:10" ht="20.100000000000001" customHeight="1">
      <c r="A60" s="86"/>
      <c r="B60" s="61"/>
      <c r="C60" s="105"/>
      <c r="D60" s="101"/>
      <c r="E60" s="85"/>
      <c r="F60" s="66" t="s">
        <v>192</v>
      </c>
      <c r="G60" s="66"/>
      <c r="H60" s="66"/>
      <c r="I60" s="66"/>
      <c r="J60" s="85"/>
    </row>
    <row r="61" spans="1:10" ht="20.100000000000001" customHeight="1">
      <c r="A61" s="86"/>
      <c r="B61" s="7"/>
      <c r="C61" s="7"/>
      <c r="D61" s="107"/>
      <c r="E61" s="85"/>
      <c r="F61" s="12"/>
      <c r="G61" s="135"/>
      <c r="H61" s="135"/>
      <c r="I61" s="12"/>
      <c r="J61" s="85"/>
    </row>
    <row r="62" spans="1:10" ht="20.100000000000001" customHeight="1">
      <c r="A62" s="58" t="s">
        <v>63</v>
      </c>
      <c r="B62" s="83"/>
      <c r="C62" s="65"/>
      <c r="D62" s="83"/>
      <c r="E62" s="85"/>
      <c r="F62" s="74"/>
      <c r="G62" s="66"/>
      <c r="H62" s="66"/>
      <c r="I62" s="12"/>
      <c r="J62" s="85"/>
    </row>
    <row r="63" spans="1:10" ht="20.100000000000001" customHeight="1">
      <c r="A63" s="58"/>
      <c r="B63" s="67"/>
      <c r="C63" s="67"/>
      <c r="D63" s="83"/>
      <c r="E63" s="85"/>
      <c r="F63" s="66"/>
      <c r="G63" s="130" t="s">
        <v>147</v>
      </c>
      <c r="H63" s="130"/>
      <c r="I63" s="66"/>
      <c r="J63" s="85"/>
    </row>
    <row r="64" spans="1:10" ht="20.100000000000001" customHeight="1">
      <c r="A64" s="58"/>
      <c r="B64" s="83"/>
      <c r="C64" s="7"/>
      <c r="D64" s="66"/>
      <c r="E64" s="85"/>
      <c r="F64" s="12"/>
      <c r="G64" s="130"/>
      <c r="H64" s="130"/>
      <c r="I64" s="12"/>
      <c r="J64" s="85"/>
    </row>
    <row r="65" spans="1:10" ht="20.100000000000001" customHeight="1">
      <c r="A65" s="32" t="s">
        <v>166</v>
      </c>
      <c r="B65" s="67" t="s">
        <v>162</v>
      </c>
      <c r="C65" s="7"/>
      <c r="D65" s="83"/>
      <c r="E65" s="85"/>
      <c r="F65" s="12"/>
      <c r="G65" s="131"/>
      <c r="H65" s="131"/>
      <c r="I65" s="12"/>
      <c r="J65" s="85"/>
    </row>
    <row r="66" spans="1:10" ht="20.100000000000001" customHeight="1">
      <c r="A66" s="32"/>
      <c r="B66" s="7"/>
      <c r="C66" s="7"/>
      <c r="D66" s="66"/>
      <c r="E66" s="29"/>
      <c r="F66" s="12"/>
      <c r="G66" s="132"/>
      <c r="H66" s="132"/>
      <c r="I66" s="12"/>
      <c r="J66" s="85"/>
    </row>
    <row r="67" spans="1:10" ht="20.100000000000001" customHeight="1">
      <c r="A67" s="32"/>
      <c r="B67" s="7"/>
      <c r="C67" s="83"/>
      <c r="D67" s="66"/>
      <c r="E67" s="85"/>
      <c r="F67" s="133"/>
      <c r="G67" s="133"/>
      <c r="H67" s="133"/>
      <c r="I67" s="133"/>
      <c r="J67" s="85"/>
    </row>
    <row r="68" spans="1:10" ht="20.100000000000001" customHeight="1">
      <c r="A68" s="69"/>
      <c r="B68" s="70"/>
      <c r="C68" s="70"/>
      <c r="D68" s="70"/>
      <c r="E68" s="71"/>
      <c r="F68" s="73"/>
      <c r="G68" s="73"/>
      <c r="H68" s="73"/>
      <c r="I68" s="73"/>
      <c r="J68" s="79"/>
    </row>
    <row r="69" spans="1:10" ht="20.100000000000001" customHeight="1">
      <c r="B69" s="72"/>
      <c r="C69" s="72"/>
      <c r="D69" s="72"/>
      <c r="E69" s="72"/>
      <c r="F69" s="72"/>
      <c r="G69" s="72"/>
      <c r="H69" s="72"/>
      <c r="I69" s="72"/>
    </row>
  </sheetData>
  <mergeCells count="23">
    <mergeCell ref="G63:H64"/>
    <mergeCell ref="G65:H65"/>
    <mergeCell ref="G66:H66"/>
    <mergeCell ref="F67:I67"/>
    <mergeCell ref="C23:D23"/>
    <mergeCell ref="C24:D24"/>
    <mergeCell ref="F24:I56"/>
    <mergeCell ref="C25:D25"/>
    <mergeCell ref="G58:H58"/>
    <mergeCell ref="G61:H61"/>
    <mergeCell ref="C21:D21"/>
    <mergeCell ref="G21:I22"/>
    <mergeCell ref="A1:J1"/>
    <mergeCell ref="A2:E2"/>
    <mergeCell ref="F2:J2"/>
    <mergeCell ref="F4:J4"/>
    <mergeCell ref="F5:J5"/>
    <mergeCell ref="G6:I8"/>
    <mergeCell ref="F10:J10"/>
    <mergeCell ref="G11:I12"/>
    <mergeCell ref="F13:J13"/>
    <mergeCell ref="G14:I19"/>
    <mergeCell ref="F20:I20"/>
  </mergeCells>
  <phoneticPr fontId="8"/>
  <pageMargins left="0.25" right="0.25" top="0.75" bottom="0.75" header="0.3" footer="0.3"/>
  <pageSetup paperSize="9" scale="58" orientation="portrait" r:id="rId1"/>
  <rowBreaks count="1" manualBreakCount="1">
    <brk id="72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69"/>
  <sheetViews>
    <sheetView tabSelected="1" view="pageBreakPreview" zoomScaleNormal="50" zoomScaleSheetLayoutView="100" workbookViewId="0">
      <selection activeCell="B3" sqref="B3"/>
    </sheetView>
  </sheetViews>
  <sheetFormatPr defaultColWidth="9" defaultRowHeight="20.100000000000001" customHeight="1"/>
  <cols>
    <col min="1" max="1" width="5" style="33" customWidth="1"/>
    <col min="2" max="2" width="23.3984375" style="33" customWidth="1"/>
    <col min="3" max="3" width="10.8984375" style="33" customWidth="1"/>
    <col min="4" max="4" width="15.3984375" style="33" customWidth="1"/>
    <col min="5" max="6" width="4.8984375" style="33" customWidth="1"/>
    <col min="7" max="7" width="21.3984375" style="33" customWidth="1"/>
    <col min="8" max="8" width="34.59765625" style="33" customWidth="1"/>
    <col min="9" max="9" width="34.69921875" style="33" customWidth="1"/>
    <col min="10" max="10" width="2.09765625" style="33" customWidth="1"/>
    <col min="11" max="11" width="64.09765625" style="33" customWidth="1"/>
    <col min="12" max="12" width="70.59765625" style="33" customWidth="1"/>
    <col min="13" max="13" width="6.19921875" style="33" customWidth="1"/>
    <col min="14" max="16384" width="9" style="33"/>
  </cols>
  <sheetData>
    <row r="1" spans="1:13" ht="36" customHeight="1">
      <c r="A1" s="121" t="s">
        <v>148</v>
      </c>
      <c r="B1" s="121"/>
      <c r="C1" s="121"/>
      <c r="D1" s="121"/>
      <c r="E1" s="121"/>
      <c r="F1" s="121"/>
      <c r="G1" s="121"/>
      <c r="H1" s="121"/>
      <c r="I1" s="121"/>
      <c r="J1" s="121"/>
      <c r="K1" s="8"/>
      <c r="L1" s="8"/>
      <c r="M1" s="8"/>
    </row>
    <row r="2" spans="1:13" ht="24.9" customHeight="1">
      <c r="A2" s="122" t="s">
        <v>0</v>
      </c>
      <c r="B2" s="123"/>
      <c r="C2" s="123"/>
      <c r="D2" s="123"/>
      <c r="E2" s="124"/>
      <c r="F2" s="122" t="s">
        <v>29</v>
      </c>
      <c r="G2" s="123"/>
      <c r="H2" s="123"/>
      <c r="I2" s="123"/>
      <c r="J2" s="124"/>
    </row>
    <row r="3" spans="1:13" ht="9" customHeight="1">
      <c r="A3" s="30" t="s">
        <v>40</v>
      </c>
      <c r="B3" s="12"/>
      <c r="C3" s="12"/>
      <c r="D3" s="12"/>
      <c r="E3" s="13"/>
      <c r="F3" s="7"/>
      <c r="G3" s="7"/>
      <c r="H3" s="7"/>
      <c r="I3" s="34"/>
      <c r="J3" s="80"/>
    </row>
    <row r="4" spans="1:13" ht="20.100000000000001" customHeight="1">
      <c r="A4" s="32" t="s">
        <v>126</v>
      </c>
      <c r="B4" s="12"/>
      <c r="C4" s="7"/>
      <c r="D4" s="12"/>
      <c r="E4" s="13"/>
      <c r="F4" s="125" t="s">
        <v>132</v>
      </c>
      <c r="G4" s="126"/>
      <c r="H4" s="126"/>
      <c r="I4" s="126"/>
      <c r="J4" s="127"/>
    </row>
    <row r="5" spans="1:13" ht="20.100000000000001" customHeight="1">
      <c r="A5" s="32"/>
      <c r="B5" s="14" t="s">
        <v>58</v>
      </c>
      <c r="C5" s="138" t="s">
        <v>159</v>
      </c>
      <c r="D5" s="139"/>
      <c r="E5" s="35"/>
      <c r="F5" s="125" t="s">
        <v>133</v>
      </c>
      <c r="G5" s="126"/>
      <c r="H5" s="126"/>
      <c r="I5" s="126"/>
      <c r="J5" s="127"/>
    </row>
    <row r="6" spans="1:13" ht="20.100000000000001" customHeight="1">
      <c r="A6" s="32"/>
      <c r="B6" s="14"/>
      <c r="C6" s="140"/>
      <c r="D6" s="141"/>
      <c r="E6" s="25"/>
      <c r="F6" s="12"/>
      <c r="G6" s="128" t="s">
        <v>152</v>
      </c>
      <c r="H6" s="128"/>
      <c r="I6" s="128"/>
      <c r="J6" s="35"/>
    </row>
    <row r="7" spans="1:13" ht="20.100000000000001" customHeight="1">
      <c r="A7" s="32" t="s">
        <v>128</v>
      </c>
      <c r="B7" s="7"/>
      <c r="C7" s="14"/>
      <c r="D7" s="34"/>
      <c r="E7" s="35"/>
      <c r="F7" s="12"/>
      <c r="G7" s="128"/>
      <c r="H7" s="128"/>
      <c r="I7" s="128"/>
      <c r="J7" s="35"/>
    </row>
    <row r="8" spans="1:13" ht="20.100000000000001" customHeight="1">
      <c r="A8" s="36"/>
      <c r="B8" s="14" t="s">
        <v>64</v>
      </c>
      <c r="C8" s="34"/>
      <c r="D8" s="34"/>
      <c r="E8" s="35"/>
      <c r="F8" s="12"/>
      <c r="G8" s="128"/>
      <c r="H8" s="128"/>
      <c r="I8" s="128"/>
      <c r="J8" s="35"/>
    </row>
    <row r="9" spans="1:13" ht="20.100000000000001" customHeight="1">
      <c r="A9" s="32"/>
      <c r="B9" s="14" t="s">
        <v>65</v>
      </c>
      <c r="C9" s="34"/>
      <c r="D9" s="34"/>
      <c r="E9" s="25"/>
      <c r="F9" s="12"/>
      <c r="G9" s="16"/>
      <c r="H9" s="16"/>
      <c r="I9" s="16"/>
      <c r="J9" s="35"/>
    </row>
    <row r="10" spans="1:13" ht="20.100000000000001" customHeight="1">
      <c r="A10" s="37"/>
      <c r="B10" s="34"/>
      <c r="C10" s="5"/>
      <c r="D10" s="7"/>
      <c r="E10" s="25"/>
      <c r="F10" s="125" t="s">
        <v>134</v>
      </c>
      <c r="G10" s="126"/>
      <c r="H10" s="126"/>
      <c r="I10" s="126"/>
      <c r="J10" s="127"/>
    </row>
    <row r="11" spans="1:13" ht="20.100000000000001" customHeight="1">
      <c r="A11" s="17" t="s">
        <v>67</v>
      </c>
      <c r="B11" s="7"/>
      <c r="C11" s="14"/>
      <c r="D11" s="7"/>
      <c r="E11" s="25"/>
      <c r="F11" s="37"/>
      <c r="G11" s="137" t="s">
        <v>150</v>
      </c>
      <c r="H11" s="137"/>
      <c r="I11" s="137"/>
      <c r="J11" s="68"/>
    </row>
    <row r="12" spans="1:13" ht="20.100000000000001" customHeight="1">
      <c r="A12" s="36"/>
      <c r="B12" s="14" t="s">
        <v>125</v>
      </c>
      <c r="C12" s="7"/>
      <c r="D12" s="7"/>
      <c r="E12" s="25"/>
      <c r="F12" s="67"/>
      <c r="G12" s="137"/>
      <c r="H12" s="137"/>
      <c r="I12" s="137"/>
      <c r="J12" s="35"/>
      <c r="K12" s="76"/>
    </row>
    <row r="13" spans="1:13" ht="20.100000000000001" customHeight="1">
      <c r="A13" s="32"/>
      <c r="B13" s="14" t="s">
        <v>124</v>
      </c>
      <c r="C13" s="7"/>
      <c r="D13" s="7"/>
      <c r="E13" s="25"/>
      <c r="F13" s="125" t="s">
        <v>135</v>
      </c>
      <c r="G13" s="126"/>
      <c r="H13" s="126"/>
      <c r="I13" s="126"/>
      <c r="J13" s="127"/>
    </row>
    <row r="14" spans="1:13" ht="20.100000000000001" customHeight="1">
      <c r="A14" s="37"/>
      <c r="B14" s="14" t="s">
        <v>88</v>
      </c>
      <c r="C14" s="7"/>
      <c r="D14" s="7"/>
      <c r="E14" s="18"/>
      <c r="F14" s="37"/>
      <c r="G14" s="128" t="s">
        <v>149</v>
      </c>
      <c r="H14" s="128"/>
      <c r="I14" s="128"/>
      <c r="J14" s="68"/>
    </row>
    <row r="15" spans="1:13" ht="12" customHeight="1">
      <c r="A15" s="37"/>
      <c r="B15" s="14"/>
      <c r="C15" s="7"/>
      <c r="D15" s="7"/>
      <c r="E15" s="18"/>
      <c r="F15" s="12"/>
      <c r="G15" s="128"/>
      <c r="H15" s="128"/>
      <c r="I15" s="128"/>
      <c r="J15" s="35"/>
    </row>
    <row r="16" spans="1:13" ht="20.100000000000001" customHeight="1">
      <c r="A16" s="37" t="s">
        <v>66</v>
      </c>
      <c r="B16" s="7"/>
      <c r="C16" s="7"/>
      <c r="D16" s="19"/>
      <c r="E16" s="38"/>
      <c r="F16" s="12"/>
      <c r="G16" s="128"/>
      <c r="H16" s="128"/>
      <c r="I16" s="128"/>
      <c r="J16" s="35"/>
    </row>
    <row r="17" spans="1:10" ht="20.100000000000001" customHeight="1">
      <c r="A17" s="36"/>
      <c r="B17" s="7" t="s">
        <v>187</v>
      </c>
      <c r="C17" s="19" t="s">
        <v>87</v>
      </c>
      <c r="D17" s="39" t="s">
        <v>86</v>
      </c>
      <c r="E17" s="20"/>
      <c r="F17" s="12"/>
      <c r="G17" s="128"/>
      <c r="H17" s="128"/>
      <c r="I17" s="128"/>
      <c r="J17" s="35"/>
    </row>
    <row r="18" spans="1:10" ht="20.100000000000001" customHeight="1">
      <c r="A18" s="40"/>
      <c r="B18" s="7" t="s">
        <v>138</v>
      </c>
      <c r="C18" s="21" t="s">
        <v>89</v>
      </c>
      <c r="D18" s="22" t="s">
        <v>86</v>
      </c>
      <c r="E18" s="20"/>
      <c r="F18" s="12"/>
      <c r="G18" s="128"/>
      <c r="H18" s="128"/>
      <c r="I18" s="128"/>
      <c r="J18" s="35"/>
    </row>
    <row r="19" spans="1:10" ht="20.100000000000001" customHeight="1">
      <c r="A19" s="40"/>
      <c r="B19" s="34"/>
      <c r="C19" s="7"/>
      <c r="D19" s="34"/>
      <c r="E19" s="20"/>
      <c r="F19" s="12"/>
      <c r="G19" s="128"/>
      <c r="H19" s="128"/>
      <c r="I19" s="128"/>
      <c r="J19" s="35"/>
    </row>
    <row r="20" spans="1:10" ht="20.100000000000001" customHeight="1">
      <c r="A20" s="40" t="s">
        <v>59</v>
      </c>
      <c r="B20" s="34"/>
      <c r="C20" s="7"/>
      <c r="D20" s="34"/>
      <c r="E20" s="24"/>
      <c r="F20" s="125" t="s">
        <v>136</v>
      </c>
      <c r="G20" s="126"/>
      <c r="H20" s="126"/>
      <c r="I20" s="126"/>
      <c r="J20" s="35"/>
    </row>
    <row r="21" spans="1:10" ht="20.100000000000001" customHeight="1">
      <c r="A21" s="32"/>
      <c r="B21" s="7" t="s">
        <v>60</v>
      </c>
      <c r="C21" s="136" t="s">
        <v>193</v>
      </c>
      <c r="D21" s="136"/>
      <c r="E21" s="35"/>
      <c r="F21" s="37"/>
      <c r="G21" s="142" t="s">
        <v>151</v>
      </c>
      <c r="H21" s="142"/>
      <c r="I21" s="142"/>
      <c r="J21" s="35"/>
    </row>
    <row r="22" spans="1:10" ht="20.100000000000001" customHeight="1">
      <c r="A22" s="32"/>
      <c r="B22" s="7" t="s">
        <v>61</v>
      </c>
      <c r="C22" s="26" t="s">
        <v>68</v>
      </c>
      <c r="D22" s="34"/>
      <c r="E22" s="35"/>
      <c r="F22" s="12"/>
      <c r="G22" s="142"/>
      <c r="H22" s="142"/>
      <c r="I22" s="142"/>
      <c r="J22" s="35"/>
    </row>
    <row r="23" spans="1:10" ht="20.100000000000001" customHeight="1">
      <c r="A23" s="32"/>
      <c r="B23" s="7" t="s">
        <v>47</v>
      </c>
      <c r="C23" s="136" t="s">
        <v>69</v>
      </c>
      <c r="D23" s="136"/>
      <c r="E23" s="35"/>
      <c r="F23" s="15" t="s">
        <v>153</v>
      </c>
      <c r="G23" s="12"/>
      <c r="H23" s="12"/>
      <c r="I23" s="7"/>
      <c r="J23" s="35"/>
    </row>
    <row r="24" spans="1:10" ht="20.100000000000001" customHeight="1">
      <c r="A24" s="32"/>
      <c r="B24" s="7" t="s">
        <v>48</v>
      </c>
      <c r="C24" s="136" t="s">
        <v>70</v>
      </c>
      <c r="D24" s="136"/>
      <c r="E24" s="35"/>
      <c r="F24" s="134" t="s">
        <v>154</v>
      </c>
      <c r="G24" s="128"/>
      <c r="H24" s="128"/>
      <c r="I24" s="128"/>
      <c r="J24" s="35"/>
    </row>
    <row r="25" spans="1:10" ht="20.100000000000001" customHeight="1">
      <c r="A25" s="32"/>
      <c r="B25" s="27" t="s">
        <v>62</v>
      </c>
      <c r="C25" s="136" t="s">
        <v>85</v>
      </c>
      <c r="D25" s="136"/>
      <c r="E25" s="35"/>
      <c r="F25" s="134"/>
      <c r="G25" s="128"/>
      <c r="H25" s="128"/>
      <c r="I25" s="128"/>
      <c r="J25" s="35"/>
    </row>
    <row r="26" spans="1:10" ht="20.100000000000001" customHeight="1">
      <c r="A26" s="32"/>
      <c r="B26" s="34"/>
      <c r="C26" s="27"/>
      <c r="D26" s="34"/>
      <c r="E26" s="24"/>
      <c r="F26" s="134"/>
      <c r="G26" s="128"/>
      <c r="H26" s="128"/>
      <c r="I26" s="128"/>
      <c r="J26" s="35"/>
    </row>
    <row r="27" spans="1:10" ht="20.100000000000001" customHeight="1">
      <c r="A27" s="32"/>
      <c r="B27" s="41" t="s">
        <v>35</v>
      </c>
      <c r="C27" s="42"/>
      <c r="D27" s="43" t="s">
        <v>92</v>
      </c>
      <c r="E27" s="35"/>
      <c r="F27" s="134"/>
      <c r="G27" s="128"/>
      <c r="H27" s="128"/>
      <c r="I27" s="128"/>
      <c r="J27" s="35"/>
    </row>
    <row r="28" spans="1:10" ht="20.100000000000001" customHeight="1">
      <c r="A28" s="32"/>
      <c r="B28" s="44" t="s">
        <v>1</v>
      </c>
      <c r="C28" s="45" t="s">
        <v>156</v>
      </c>
      <c r="D28" s="46" t="s">
        <v>71</v>
      </c>
      <c r="E28" s="9"/>
      <c r="F28" s="134"/>
      <c r="G28" s="128"/>
      <c r="H28" s="128"/>
      <c r="I28" s="128"/>
      <c r="J28" s="35"/>
    </row>
    <row r="29" spans="1:10" ht="20.100000000000001" customHeight="1">
      <c r="A29" s="32"/>
      <c r="B29" s="47" t="s">
        <v>3</v>
      </c>
      <c r="C29" s="14" t="s">
        <v>157</v>
      </c>
      <c r="D29" s="48" t="s">
        <v>72</v>
      </c>
      <c r="E29" s="49"/>
      <c r="F29" s="134"/>
      <c r="G29" s="128"/>
      <c r="H29" s="128"/>
      <c r="I29" s="128"/>
      <c r="J29" s="35"/>
    </row>
    <row r="30" spans="1:10" ht="20.100000000000001" customHeight="1">
      <c r="A30" s="32"/>
      <c r="B30" s="50" t="s">
        <v>5</v>
      </c>
      <c r="C30" s="14" t="s">
        <v>50</v>
      </c>
      <c r="D30" s="48" t="s">
        <v>73</v>
      </c>
      <c r="E30" s="49"/>
      <c r="F30" s="134"/>
      <c r="G30" s="128"/>
      <c r="H30" s="128"/>
      <c r="I30" s="128"/>
      <c r="J30" s="35"/>
    </row>
    <row r="31" spans="1:10" ht="20.100000000000001" customHeight="1">
      <c r="A31" s="32"/>
      <c r="B31" s="51" t="s">
        <v>6</v>
      </c>
      <c r="C31" s="14" t="s">
        <v>51</v>
      </c>
      <c r="D31" s="48" t="s">
        <v>74</v>
      </c>
      <c r="E31" s="49"/>
      <c r="F31" s="134"/>
      <c r="G31" s="128"/>
      <c r="H31" s="128"/>
      <c r="I31" s="128"/>
      <c r="J31" s="35"/>
    </row>
    <row r="32" spans="1:10" ht="20.100000000000001" customHeight="1">
      <c r="A32" s="32"/>
      <c r="B32" s="52" t="s">
        <v>8</v>
      </c>
      <c r="C32" s="14" t="s">
        <v>158</v>
      </c>
      <c r="D32" s="48" t="s">
        <v>75</v>
      </c>
      <c r="E32" s="49"/>
      <c r="F32" s="134"/>
      <c r="G32" s="128"/>
      <c r="H32" s="128"/>
      <c r="I32" s="128"/>
      <c r="J32" s="35"/>
    </row>
    <row r="33" spans="1:10" ht="20.100000000000001" customHeight="1">
      <c r="A33" s="32"/>
      <c r="B33" s="51" t="s">
        <v>11</v>
      </c>
      <c r="C33" s="14" t="s">
        <v>52</v>
      </c>
      <c r="D33" s="48" t="s">
        <v>76</v>
      </c>
      <c r="E33" s="49"/>
      <c r="F33" s="134"/>
      <c r="G33" s="128"/>
      <c r="H33" s="128"/>
      <c r="I33" s="128"/>
      <c r="J33" s="35"/>
    </row>
    <row r="34" spans="1:10" ht="20.100000000000001" customHeight="1">
      <c r="A34" s="32"/>
      <c r="B34" s="51" t="s">
        <v>15</v>
      </c>
      <c r="C34" s="14" t="s">
        <v>139</v>
      </c>
      <c r="D34" s="48" t="s">
        <v>77</v>
      </c>
      <c r="E34" s="49"/>
      <c r="F34" s="134"/>
      <c r="G34" s="128"/>
      <c r="H34" s="128"/>
      <c r="I34" s="128"/>
      <c r="J34" s="35"/>
    </row>
    <row r="35" spans="1:10" ht="20.100000000000001" customHeight="1">
      <c r="A35" s="32"/>
      <c r="B35" s="51" t="s">
        <v>17</v>
      </c>
      <c r="C35" s="14" t="s">
        <v>140</v>
      </c>
      <c r="D35" s="48" t="s">
        <v>77</v>
      </c>
      <c r="E35" s="49"/>
      <c r="F35" s="134"/>
      <c r="G35" s="128"/>
      <c r="H35" s="128"/>
      <c r="I35" s="128"/>
      <c r="J35" s="35"/>
    </row>
    <row r="36" spans="1:10" ht="20.100000000000001" customHeight="1">
      <c r="A36" s="32"/>
      <c r="B36" s="51" t="s">
        <v>98</v>
      </c>
      <c r="C36" s="14" t="s">
        <v>53</v>
      </c>
      <c r="D36" s="48" t="s">
        <v>77</v>
      </c>
      <c r="E36" s="49"/>
      <c r="F36" s="134"/>
      <c r="G36" s="128"/>
      <c r="H36" s="128"/>
      <c r="I36" s="128"/>
      <c r="J36" s="35"/>
    </row>
    <row r="37" spans="1:10" ht="20.100000000000001" customHeight="1">
      <c r="A37" s="32"/>
      <c r="B37" s="51" t="s">
        <v>19</v>
      </c>
      <c r="C37" s="14" t="s">
        <v>54</v>
      </c>
      <c r="D37" s="48" t="s">
        <v>77</v>
      </c>
      <c r="E37" s="49"/>
      <c r="F37" s="134"/>
      <c r="G37" s="128"/>
      <c r="H37" s="128"/>
      <c r="I37" s="128"/>
      <c r="J37" s="35"/>
    </row>
    <row r="38" spans="1:10" ht="20.100000000000001" customHeight="1">
      <c r="A38" s="32"/>
      <c r="B38" s="53"/>
      <c r="C38" s="75"/>
      <c r="D38" s="55"/>
      <c r="E38" s="49"/>
      <c r="F38" s="134"/>
      <c r="G38" s="128"/>
      <c r="H38" s="128"/>
      <c r="I38" s="128"/>
      <c r="J38" s="35"/>
    </row>
    <row r="39" spans="1:10" ht="20.100000000000001" customHeight="1">
      <c r="A39" s="56"/>
      <c r="B39" s="11" t="s">
        <v>30</v>
      </c>
      <c r="C39" s="9"/>
      <c r="D39" s="57" t="s">
        <v>92</v>
      </c>
      <c r="E39" s="25"/>
      <c r="F39" s="134"/>
      <c r="G39" s="128"/>
      <c r="H39" s="128"/>
      <c r="I39" s="128"/>
      <c r="J39" s="35"/>
    </row>
    <row r="40" spans="1:10" ht="20.100000000000001" customHeight="1">
      <c r="A40" s="58"/>
      <c r="B40" s="59" t="s">
        <v>100</v>
      </c>
      <c r="C40" s="45" t="s">
        <v>129</v>
      </c>
      <c r="D40" s="46" t="s">
        <v>78</v>
      </c>
      <c r="E40" s="9"/>
      <c r="F40" s="134"/>
      <c r="G40" s="128"/>
      <c r="H40" s="128"/>
      <c r="I40" s="128"/>
      <c r="J40" s="35"/>
    </row>
    <row r="41" spans="1:10" ht="20.100000000000001" customHeight="1">
      <c r="A41" s="58"/>
      <c r="B41" s="51" t="s">
        <v>99</v>
      </c>
      <c r="C41" s="14" t="s">
        <v>130</v>
      </c>
      <c r="D41" s="48" t="s">
        <v>79</v>
      </c>
      <c r="E41" s="18"/>
      <c r="F41" s="134"/>
      <c r="G41" s="128"/>
      <c r="H41" s="128"/>
      <c r="I41" s="128"/>
      <c r="J41" s="35"/>
    </row>
    <row r="42" spans="1:10" ht="20.100000000000001" customHeight="1">
      <c r="A42" s="58"/>
      <c r="B42" s="51" t="s">
        <v>96</v>
      </c>
      <c r="C42" s="14" t="s">
        <v>155</v>
      </c>
      <c r="D42" s="48" t="s">
        <v>80</v>
      </c>
      <c r="E42" s="9"/>
      <c r="F42" s="134"/>
      <c r="G42" s="128"/>
      <c r="H42" s="128"/>
      <c r="I42" s="128"/>
      <c r="J42" s="35"/>
    </row>
    <row r="43" spans="1:10" ht="20.100000000000001" customHeight="1">
      <c r="A43" s="32"/>
      <c r="B43" s="51" t="s">
        <v>31</v>
      </c>
      <c r="C43" s="14" t="s">
        <v>121</v>
      </c>
      <c r="D43" s="48" t="s">
        <v>81</v>
      </c>
      <c r="E43" s="49"/>
      <c r="F43" s="134"/>
      <c r="G43" s="128"/>
      <c r="H43" s="128"/>
      <c r="I43" s="128"/>
      <c r="J43" s="35"/>
    </row>
    <row r="44" spans="1:10" ht="20.100000000000001" customHeight="1">
      <c r="A44" s="32"/>
      <c r="B44" s="51" t="s">
        <v>118</v>
      </c>
      <c r="C44" s="14" t="s">
        <v>131</v>
      </c>
      <c r="D44" s="60" t="s">
        <v>76</v>
      </c>
      <c r="E44" s="49"/>
      <c r="F44" s="134"/>
      <c r="G44" s="128"/>
      <c r="H44" s="128"/>
      <c r="I44" s="128"/>
      <c r="J44" s="35"/>
    </row>
    <row r="45" spans="1:10" ht="20.100000000000001" customHeight="1">
      <c r="A45" s="32"/>
      <c r="B45" s="51" t="s">
        <v>119</v>
      </c>
      <c r="C45" s="14" t="s">
        <v>122</v>
      </c>
      <c r="D45" s="60" t="s">
        <v>73</v>
      </c>
      <c r="E45" s="49"/>
      <c r="F45" s="134"/>
      <c r="G45" s="128"/>
      <c r="H45" s="128"/>
      <c r="I45" s="128"/>
      <c r="J45" s="35"/>
    </row>
    <row r="46" spans="1:10" ht="20.100000000000001" customHeight="1">
      <c r="A46" s="32"/>
      <c r="B46" s="51" t="s">
        <v>120</v>
      </c>
      <c r="C46" s="14" t="s">
        <v>123</v>
      </c>
      <c r="D46" s="60" t="s">
        <v>82</v>
      </c>
      <c r="E46" s="49"/>
      <c r="F46" s="134"/>
      <c r="G46" s="128"/>
      <c r="H46" s="128"/>
      <c r="I46" s="128"/>
      <c r="J46" s="35"/>
    </row>
    <row r="47" spans="1:10" ht="20.100000000000001" customHeight="1">
      <c r="A47" s="32"/>
      <c r="B47" s="51" t="s">
        <v>177</v>
      </c>
      <c r="C47" s="14" t="s">
        <v>55</v>
      </c>
      <c r="D47" s="60" t="s">
        <v>80</v>
      </c>
      <c r="E47" s="49"/>
      <c r="F47" s="134"/>
      <c r="G47" s="128"/>
      <c r="H47" s="128"/>
      <c r="I47" s="128"/>
      <c r="J47" s="35"/>
    </row>
    <row r="48" spans="1:10" ht="20.100000000000001" customHeight="1">
      <c r="A48" s="36"/>
      <c r="B48" s="51" t="s">
        <v>178</v>
      </c>
      <c r="C48" s="14" t="s">
        <v>56</v>
      </c>
      <c r="D48" s="60" t="s">
        <v>83</v>
      </c>
      <c r="E48" s="9"/>
      <c r="F48" s="134"/>
      <c r="G48" s="128"/>
      <c r="H48" s="128"/>
      <c r="I48" s="128"/>
      <c r="J48" s="35"/>
    </row>
    <row r="49" spans="1:10" ht="20.100000000000001" customHeight="1">
      <c r="A49" s="36"/>
      <c r="B49" s="61"/>
      <c r="C49" s="62"/>
      <c r="D49" s="63"/>
      <c r="E49" s="35"/>
      <c r="F49" s="134"/>
      <c r="G49" s="128"/>
      <c r="H49" s="128"/>
      <c r="I49" s="128"/>
      <c r="J49" s="35"/>
    </row>
    <row r="50" spans="1:10" ht="20.100000000000001" customHeight="1">
      <c r="A50" s="36"/>
      <c r="B50" s="11" t="s">
        <v>34</v>
      </c>
      <c r="C50" s="9"/>
      <c r="D50" s="57" t="s">
        <v>92</v>
      </c>
      <c r="E50" s="35"/>
      <c r="F50" s="134"/>
      <c r="G50" s="128"/>
      <c r="H50" s="128"/>
      <c r="I50" s="128"/>
      <c r="J50" s="35"/>
    </row>
    <row r="51" spans="1:10" ht="20.100000000000001" customHeight="1">
      <c r="A51" s="58"/>
      <c r="B51" s="59" t="s">
        <v>179</v>
      </c>
      <c r="C51" s="45" t="s">
        <v>141</v>
      </c>
      <c r="D51" s="46" t="s">
        <v>84</v>
      </c>
      <c r="E51" s="28"/>
      <c r="F51" s="134"/>
      <c r="G51" s="128"/>
      <c r="H51" s="128"/>
      <c r="I51" s="128"/>
      <c r="J51" s="35"/>
    </row>
    <row r="52" spans="1:10" ht="20.100000000000001" customHeight="1">
      <c r="A52" s="58"/>
      <c r="B52" s="51" t="s">
        <v>180</v>
      </c>
      <c r="C52" s="14" t="s">
        <v>142</v>
      </c>
      <c r="D52" s="48" t="s">
        <v>73</v>
      </c>
      <c r="E52" s="35"/>
      <c r="F52" s="134"/>
      <c r="G52" s="128"/>
      <c r="H52" s="128"/>
      <c r="I52" s="128"/>
      <c r="J52" s="35"/>
    </row>
    <row r="53" spans="1:10" ht="20.100000000000001" customHeight="1">
      <c r="A53" s="58"/>
      <c r="B53" s="51" t="s">
        <v>22</v>
      </c>
      <c r="C53" s="14" t="s">
        <v>143</v>
      </c>
      <c r="D53" s="48" t="s">
        <v>80</v>
      </c>
      <c r="E53" s="35"/>
      <c r="F53" s="134"/>
      <c r="G53" s="128"/>
      <c r="H53" s="128"/>
      <c r="I53" s="128"/>
      <c r="J53" s="35"/>
    </row>
    <row r="54" spans="1:10" ht="20.100000000000001" customHeight="1">
      <c r="A54" s="32"/>
      <c r="B54" s="53"/>
      <c r="C54" s="54"/>
      <c r="D54" s="55"/>
      <c r="E54" s="18"/>
      <c r="F54" s="134"/>
      <c r="G54" s="128"/>
      <c r="H54" s="128"/>
      <c r="I54" s="128"/>
      <c r="J54" s="35"/>
    </row>
    <row r="55" spans="1:10" ht="20.100000000000001" customHeight="1">
      <c r="A55" s="32"/>
      <c r="B55" s="11" t="s">
        <v>33</v>
      </c>
      <c r="C55" s="9"/>
      <c r="D55" s="57" t="s">
        <v>92</v>
      </c>
      <c r="E55" s="35"/>
      <c r="F55" s="134"/>
      <c r="G55" s="128"/>
      <c r="H55" s="128"/>
      <c r="I55" s="128"/>
      <c r="J55" s="35"/>
    </row>
    <row r="56" spans="1:10" ht="18.600000000000001">
      <c r="A56" s="36"/>
      <c r="B56" s="59" t="s">
        <v>20</v>
      </c>
      <c r="C56" s="45" t="s">
        <v>144</v>
      </c>
      <c r="D56" s="46" t="s">
        <v>32</v>
      </c>
      <c r="E56" s="18"/>
      <c r="F56" s="134"/>
      <c r="G56" s="128"/>
      <c r="H56" s="128"/>
      <c r="I56" s="128"/>
      <c r="J56" s="35"/>
    </row>
    <row r="57" spans="1:10" ht="20.100000000000001" customHeight="1">
      <c r="A57" s="36"/>
      <c r="B57" s="51" t="s">
        <v>21</v>
      </c>
      <c r="C57" s="14" t="s">
        <v>145</v>
      </c>
      <c r="D57" s="48" t="s">
        <v>32</v>
      </c>
      <c r="E57" s="10"/>
      <c r="F57" s="74" t="s">
        <v>191</v>
      </c>
      <c r="G57" s="66"/>
      <c r="H57" s="66"/>
      <c r="I57" s="77"/>
      <c r="J57" s="35"/>
    </row>
    <row r="58" spans="1:10" ht="20.100000000000001" customHeight="1">
      <c r="A58" s="36"/>
      <c r="B58" s="51" t="s">
        <v>23</v>
      </c>
      <c r="C58" s="14" t="s">
        <v>146</v>
      </c>
      <c r="D58" s="48" t="s">
        <v>32</v>
      </c>
      <c r="E58" s="35"/>
      <c r="F58" s="12"/>
      <c r="G58" s="135" t="s">
        <v>176</v>
      </c>
      <c r="H58" s="135"/>
      <c r="I58" s="77"/>
      <c r="J58" s="35"/>
    </row>
    <row r="59" spans="1:10" ht="20.100000000000001" customHeight="1">
      <c r="A59" s="36"/>
      <c r="B59" s="51" t="s">
        <v>24</v>
      </c>
      <c r="C59" s="14" t="s">
        <v>25</v>
      </c>
      <c r="D59" s="48" t="s">
        <v>188</v>
      </c>
      <c r="E59" s="35"/>
      <c r="F59" s="78"/>
      <c r="G59" s="77"/>
      <c r="H59" s="77"/>
      <c r="I59" s="77"/>
      <c r="J59" s="35"/>
    </row>
    <row r="60" spans="1:10" ht="20.100000000000001" customHeight="1">
      <c r="A60" s="36"/>
      <c r="B60" s="53" t="s">
        <v>27</v>
      </c>
      <c r="C60" s="54" t="s">
        <v>57</v>
      </c>
      <c r="D60" s="55" t="s">
        <v>189</v>
      </c>
      <c r="E60" s="35"/>
      <c r="F60" s="66" t="s">
        <v>192</v>
      </c>
      <c r="G60" s="66"/>
      <c r="H60" s="66"/>
      <c r="I60" s="66"/>
      <c r="J60" s="35"/>
    </row>
    <row r="61" spans="1:10" ht="20.100000000000001" customHeight="1">
      <c r="A61" s="36"/>
      <c r="B61" s="14"/>
      <c r="C61" s="14"/>
      <c r="D61" s="64"/>
      <c r="E61" s="35"/>
      <c r="F61" s="12"/>
      <c r="G61" s="135"/>
      <c r="H61" s="135"/>
      <c r="I61" s="12"/>
      <c r="J61" s="35"/>
    </row>
    <row r="62" spans="1:10" ht="20.100000000000001" customHeight="1">
      <c r="A62" s="58" t="s">
        <v>63</v>
      </c>
      <c r="B62" s="34"/>
      <c r="C62" s="65"/>
      <c r="D62" s="34"/>
      <c r="E62" s="35"/>
      <c r="F62" s="74"/>
      <c r="G62" s="66"/>
      <c r="H62" s="66"/>
      <c r="I62" s="12"/>
      <c r="J62" s="35"/>
    </row>
    <row r="63" spans="1:10" ht="20.100000000000001" customHeight="1">
      <c r="A63" s="58"/>
      <c r="B63" s="118" t="s">
        <v>190</v>
      </c>
      <c r="C63" s="15"/>
      <c r="D63" s="34"/>
      <c r="E63" s="35"/>
      <c r="F63" s="66"/>
      <c r="G63" s="130" t="s">
        <v>147</v>
      </c>
      <c r="H63" s="130"/>
      <c r="I63" s="66"/>
      <c r="J63" s="35"/>
    </row>
    <row r="64" spans="1:10" ht="20.100000000000001" customHeight="1">
      <c r="A64" s="58"/>
      <c r="B64" s="34"/>
      <c r="C64" s="14"/>
      <c r="D64" s="66"/>
      <c r="E64" s="35"/>
      <c r="F64" s="12"/>
      <c r="G64" s="130"/>
      <c r="H64" s="130"/>
      <c r="I64" s="12"/>
      <c r="J64" s="35"/>
    </row>
    <row r="65" spans="1:10" ht="20.100000000000001" customHeight="1">
      <c r="A65" s="32" t="s">
        <v>127</v>
      </c>
      <c r="B65" s="15" t="s">
        <v>162</v>
      </c>
      <c r="C65" s="14"/>
      <c r="D65" s="34"/>
      <c r="E65" s="35"/>
      <c r="F65" s="12"/>
      <c r="G65" s="131"/>
      <c r="H65" s="131"/>
      <c r="I65" s="12"/>
      <c r="J65" s="35"/>
    </row>
    <row r="66" spans="1:10" ht="20.100000000000001" customHeight="1">
      <c r="A66" s="32"/>
      <c r="B66" s="14" t="s">
        <v>49</v>
      </c>
      <c r="C66" s="14"/>
      <c r="D66" s="66"/>
      <c r="E66" s="18"/>
      <c r="F66" s="12"/>
      <c r="G66" s="132"/>
      <c r="H66" s="132"/>
      <c r="I66" s="12"/>
      <c r="J66" s="35"/>
    </row>
    <row r="67" spans="1:10" ht="20.100000000000001" customHeight="1">
      <c r="A67" s="32"/>
      <c r="B67" s="14" t="s">
        <v>46</v>
      </c>
      <c r="C67" s="34"/>
      <c r="D67" s="66"/>
      <c r="E67" s="35"/>
      <c r="F67" s="133"/>
      <c r="G67" s="133"/>
      <c r="H67" s="133"/>
      <c r="I67" s="133"/>
      <c r="J67" s="35"/>
    </row>
    <row r="68" spans="1:10" ht="20.100000000000001" customHeight="1">
      <c r="A68" s="69"/>
      <c r="B68" s="70"/>
      <c r="C68" s="70"/>
      <c r="D68" s="70"/>
      <c r="E68" s="71"/>
      <c r="F68" s="73"/>
      <c r="G68" s="73"/>
      <c r="H68" s="73"/>
      <c r="I68" s="73"/>
      <c r="J68" s="79"/>
    </row>
    <row r="69" spans="1:10" ht="20.100000000000001" customHeight="1">
      <c r="B69" s="72"/>
      <c r="C69" s="72"/>
      <c r="D69" s="72"/>
      <c r="E69" s="72"/>
      <c r="F69" s="72"/>
      <c r="G69" s="72"/>
      <c r="H69" s="72"/>
      <c r="I69" s="72"/>
    </row>
  </sheetData>
  <mergeCells count="24">
    <mergeCell ref="A2:E2"/>
    <mergeCell ref="G61:H61"/>
    <mergeCell ref="A1:J1"/>
    <mergeCell ref="F2:J2"/>
    <mergeCell ref="F4:J4"/>
    <mergeCell ref="F5:J5"/>
    <mergeCell ref="G6:I8"/>
    <mergeCell ref="C21:D21"/>
    <mergeCell ref="C5:D6"/>
    <mergeCell ref="F24:I56"/>
    <mergeCell ref="G58:H58"/>
    <mergeCell ref="F13:J13"/>
    <mergeCell ref="G14:I19"/>
    <mergeCell ref="F20:I20"/>
    <mergeCell ref="G21:I22"/>
    <mergeCell ref="F67:I67"/>
    <mergeCell ref="G65:H65"/>
    <mergeCell ref="F10:J10"/>
    <mergeCell ref="G66:H66"/>
    <mergeCell ref="C25:D25"/>
    <mergeCell ref="C24:D24"/>
    <mergeCell ref="C23:D23"/>
    <mergeCell ref="G11:I12"/>
    <mergeCell ref="G63:H64"/>
  </mergeCells>
  <phoneticPr fontId="8"/>
  <pageMargins left="0.25" right="0.25" top="0.75" bottom="0.75" header="0.3" footer="0.3"/>
  <pageSetup paperSize="9" scale="58" orientation="portrait" r:id="rId1"/>
  <rowBreaks count="1" manualBreakCount="1">
    <brk id="72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70"/>
  <sheetViews>
    <sheetView view="pageBreakPreview" topLeftCell="A51" zoomScaleNormal="50" zoomScaleSheetLayoutView="100" workbookViewId="0">
      <selection activeCell="D49" sqref="D49"/>
    </sheetView>
  </sheetViews>
  <sheetFormatPr defaultColWidth="9" defaultRowHeight="20.100000000000001" customHeight="1"/>
  <cols>
    <col min="1" max="1" width="5" style="33" customWidth="1"/>
    <col min="2" max="2" width="23.3984375" style="33" customWidth="1"/>
    <col min="3" max="3" width="10.8984375" style="33" customWidth="1"/>
    <col min="4" max="4" width="15.3984375" style="33" customWidth="1"/>
    <col min="5" max="6" width="4.8984375" style="33" customWidth="1"/>
    <col min="7" max="7" width="21.3984375" style="33" customWidth="1"/>
    <col min="8" max="8" width="34.59765625" style="33" customWidth="1"/>
    <col min="9" max="9" width="34.69921875" style="33" customWidth="1"/>
    <col min="10" max="10" width="2.09765625" style="33" customWidth="1"/>
    <col min="11" max="11" width="64.09765625" style="33" customWidth="1"/>
    <col min="12" max="12" width="70.59765625" style="33" customWidth="1"/>
    <col min="13" max="13" width="6.19921875" style="33" customWidth="1"/>
    <col min="14" max="16384" width="9" style="33"/>
  </cols>
  <sheetData>
    <row r="1" spans="1:13" ht="36" customHeight="1">
      <c r="A1" s="121" t="s">
        <v>148</v>
      </c>
      <c r="B1" s="121"/>
      <c r="C1" s="121"/>
      <c r="D1" s="121"/>
      <c r="E1" s="121"/>
      <c r="F1" s="121"/>
      <c r="G1" s="121"/>
      <c r="H1" s="121"/>
      <c r="I1" s="121"/>
      <c r="J1" s="121"/>
      <c r="K1" s="8"/>
      <c r="L1" s="8"/>
      <c r="M1" s="8"/>
    </row>
    <row r="2" spans="1:13" ht="24.9" customHeight="1">
      <c r="A2" s="122" t="s">
        <v>0</v>
      </c>
      <c r="B2" s="123"/>
      <c r="C2" s="123"/>
      <c r="D2" s="123"/>
      <c r="E2" s="124"/>
      <c r="F2" s="122" t="s">
        <v>29</v>
      </c>
      <c r="G2" s="123"/>
      <c r="H2" s="123"/>
      <c r="I2" s="123"/>
      <c r="J2" s="124"/>
    </row>
    <row r="3" spans="1:13" ht="9" customHeight="1">
      <c r="A3" s="30" t="s">
        <v>40</v>
      </c>
      <c r="B3" s="12"/>
      <c r="C3" s="12"/>
      <c r="D3" s="12"/>
      <c r="E3" s="13"/>
      <c r="F3" s="7"/>
      <c r="G3" s="7"/>
      <c r="H3" s="7"/>
      <c r="I3" s="83"/>
      <c r="J3" s="84"/>
    </row>
    <row r="4" spans="1:13" ht="20.100000000000001" customHeight="1">
      <c r="A4" s="32" t="s">
        <v>126</v>
      </c>
      <c r="B4" s="12"/>
      <c r="C4" s="7"/>
      <c r="D4" s="12"/>
      <c r="E4" s="13"/>
      <c r="F4" s="125" t="s">
        <v>132</v>
      </c>
      <c r="G4" s="126"/>
      <c r="H4" s="126"/>
      <c r="I4" s="126"/>
      <c r="J4" s="127"/>
    </row>
    <row r="5" spans="1:13" ht="20.100000000000001" customHeight="1">
      <c r="A5" s="32"/>
      <c r="B5" s="7"/>
      <c r="C5" s="12"/>
      <c r="D5" s="12"/>
      <c r="E5" s="85"/>
      <c r="F5" s="125" t="s">
        <v>133</v>
      </c>
      <c r="G5" s="126"/>
      <c r="H5" s="126"/>
      <c r="I5" s="126"/>
      <c r="J5" s="127"/>
    </row>
    <row r="6" spans="1:13" ht="20.100000000000001" customHeight="1">
      <c r="A6" s="32"/>
      <c r="B6" s="7"/>
      <c r="C6" s="12"/>
      <c r="D6" s="12"/>
      <c r="E6" s="25"/>
      <c r="F6" s="12"/>
      <c r="G6" s="128" t="s">
        <v>152</v>
      </c>
      <c r="H6" s="128"/>
      <c r="I6" s="128"/>
      <c r="J6" s="85"/>
    </row>
    <row r="7" spans="1:13" ht="20.100000000000001" customHeight="1">
      <c r="A7" s="32" t="s">
        <v>165</v>
      </c>
      <c r="B7" s="7"/>
      <c r="C7" s="7"/>
      <c r="D7" s="83"/>
      <c r="E7" s="85"/>
      <c r="F7" s="12"/>
      <c r="G7" s="128"/>
      <c r="H7" s="128"/>
      <c r="I7" s="128"/>
      <c r="J7" s="85"/>
    </row>
    <row r="8" spans="1:13" ht="20.100000000000001" customHeight="1">
      <c r="A8" s="86"/>
      <c r="B8" s="7"/>
      <c r="C8" s="83"/>
      <c r="D8" s="83"/>
      <c r="E8" s="85"/>
      <c r="F8" s="12"/>
      <c r="G8" s="128"/>
      <c r="H8" s="128"/>
      <c r="I8" s="128"/>
      <c r="J8" s="85"/>
    </row>
    <row r="9" spans="1:13" ht="20.100000000000001" customHeight="1">
      <c r="A9" s="32"/>
      <c r="B9" s="7"/>
      <c r="C9" s="83"/>
      <c r="D9" s="83"/>
      <c r="E9" s="25"/>
      <c r="F9" s="125" t="s">
        <v>134</v>
      </c>
      <c r="G9" s="126"/>
      <c r="H9" s="126"/>
      <c r="I9" s="126"/>
      <c r="J9" s="127"/>
    </row>
    <row r="10" spans="1:13" ht="20.100000000000001" customHeight="1">
      <c r="A10" s="37"/>
      <c r="B10" s="83"/>
      <c r="C10" s="87"/>
      <c r="D10" s="7"/>
      <c r="E10" s="25"/>
      <c r="F10" s="37"/>
      <c r="G10" s="129"/>
      <c r="H10" s="129"/>
      <c r="I10" s="129"/>
      <c r="J10" s="68"/>
    </row>
    <row r="11" spans="1:13" ht="20.100000000000001" customHeight="1">
      <c r="A11" s="74" t="s">
        <v>67</v>
      </c>
      <c r="B11" s="7"/>
      <c r="C11" s="7"/>
      <c r="D11" s="7"/>
      <c r="E11" s="25"/>
      <c r="F11" s="125" t="s">
        <v>135</v>
      </c>
      <c r="G11" s="126"/>
      <c r="H11" s="126"/>
      <c r="I11" s="126"/>
      <c r="J11" s="127"/>
    </row>
    <row r="12" spans="1:13" ht="20.100000000000001" customHeight="1">
      <c r="A12" s="86"/>
      <c r="B12" s="7"/>
      <c r="C12" s="7"/>
      <c r="D12" s="7"/>
      <c r="E12" s="25"/>
      <c r="F12" s="37"/>
      <c r="G12" s="128" t="s">
        <v>149</v>
      </c>
      <c r="H12" s="128"/>
      <c r="I12" s="128"/>
      <c r="J12" s="68"/>
      <c r="K12" s="76"/>
    </row>
    <row r="13" spans="1:13" ht="20.100000000000001" customHeight="1">
      <c r="A13" s="32"/>
      <c r="B13" s="7"/>
      <c r="C13" s="7"/>
      <c r="D13" s="7"/>
      <c r="E13" s="25"/>
      <c r="F13" s="12"/>
      <c r="G13" s="128"/>
      <c r="H13" s="128"/>
      <c r="I13" s="128"/>
      <c r="J13" s="85"/>
    </row>
    <row r="14" spans="1:13" ht="20.100000000000001" customHeight="1">
      <c r="A14" s="37"/>
      <c r="B14" s="7"/>
      <c r="C14" s="7"/>
      <c r="D14" s="7"/>
      <c r="E14" s="29"/>
      <c r="F14" s="12"/>
      <c r="G14" s="128"/>
      <c r="H14" s="128"/>
      <c r="I14" s="128"/>
      <c r="J14" s="85"/>
    </row>
    <row r="15" spans="1:13" ht="12" customHeight="1">
      <c r="A15" s="37"/>
      <c r="B15" s="7"/>
      <c r="C15" s="7"/>
      <c r="D15" s="7"/>
      <c r="E15" s="29"/>
      <c r="F15" s="12"/>
      <c r="G15" s="128"/>
      <c r="H15" s="128"/>
      <c r="I15" s="128"/>
      <c r="J15" s="85"/>
    </row>
    <row r="16" spans="1:13" ht="20.100000000000001" customHeight="1">
      <c r="A16" s="37" t="s">
        <v>66</v>
      </c>
      <c r="B16" s="7"/>
      <c r="C16" s="7"/>
      <c r="D16" s="88"/>
      <c r="E16" s="25"/>
      <c r="F16" s="12"/>
      <c r="G16" s="128"/>
      <c r="H16" s="128"/>
      <c r="I16" s="128"/>
      <c r="J16" s="85"/>
    </row>
    <row r="17" spans="1:10" ht="20.100000000000001" customHeight="1">
      <c r="A17" s="86"/>
      <c r="B17" s="7" t="s">
        <v>137</v>
      </c>
      <c r="C17" s="88"/>
      <c r="D17" s="7" t="s">
        <v>86</v>
      </c>
      <c r="E17" s="89"/>
      <c r="F17" s="125" t="s">
        <v>136</v>
      </c>
      <c r="G17" s="126"/>
      <c r="H17" s="126"/>
      <c r="I17" s="126"/>
      <c r="J17" s="85"/>
    </row>
    <row r="18" spans="1:10" ht="20.100000000000001" customHeight="1">
      <c r="A18" s="90"/>
      <c r="B18" s="7" t="s">
        <v>138</v>
      </c>
      <c r="C18" s="91"/>
      <c r="D18" s="92" t="s">
        <v>86</v>
      </c>
      <c r="E18" s="89"/>
      <c r="F18" s="37"/>
      <c r="G18" s="120"/>
      <c r="H18" s="120"/>
      <c r="I18" s="120"/>
      <c r="J18" s="85"/>
    </row>
    <row r="19" spans="1:10" ht="20.100000000000001" customHeight="1">
      <c r="A19" s="90"/>
      <c r="B19" s="83"/>
      <c r="C19" s="7"/>
      <c r="D19" s="83"/>
      <c r="E19" s="89"/>
      <c r="F19" s="37"/>
      <c r="G19" s="108"/>
      <c r="H19" s="108"/>
      <c r="I19" s="108"/>
      <c r="J19" s="85"/>
    </row>
    <row r="20" spans="1:10" ht="20.100000000000001" customHeight="1">
      <c r="A20" s="90" t="s">
        <v>59</v>
      </c>
      <c r="B20" s="83"/>
      <c r="C20" s="7"/>
      <c r="D20" s="83"/>
      <c r="E20" s="89"/>
      <c r="F20" s="125" t="s">
        <v>153</v>
      </c>
      <c r="G20" s="126"/>
      <c r="H20" s="126"/>
      <c r="I20" s="126"/>
      <c r="J20" s="127"/>
    </row>
    <row r="21" spans="1:10" ht="20.100000000000001" customHeight="1">
      <c r="A21" s="32"/>
      <c r="B21" s="7" t="s">
        <v>60</v>
      </c>
      <c r="C21" s="119"/>
      <c r="D21" s="119"/>
      <c r="E21" s="85"/>
      <c r="F21" s="134" t="s">
        <v>160</v>
      </c>
      <c r="G21" s="128"/>
      <c r="H21" s="128"/>
      <c r="I21" s="128"/>
      <c r="J21" s="85"/>
    </row>
    <row r="22" spans="1:10" ht="20.100000000000001" customHeight="1">
      <c r="A22" s="32"/>
      <c r="B22" s="7" t="s">
        <v>61</v>
      </c>
      <c r="C22" s="93"/>
      <c r="D22" s="83"/>
      <c r="E22" s="85"/>
      <c r="F22" s="134"/>
      <c r="G22" s="128"/>
      <c r="H22" s="128"/>
      <c r="I22" s="128"/>
      <c r="J22" s="85"/>
    </row>
    <row r="23" spans="1:10" ht="20.100000000000001" customHeight="1">
      <c r="A23" s="32"/>
      <c r="B23" s="7" t="s">
        <v>47</v>
      </c>
      <c r="C23" s="119"/>
      <c r="D23" s="119"/>
      <c r="E23" s="85"/>
      <c r="F23" s="134"/>
      <c r="G23" s="128"/>
      <c r="H23" s="128"/>
      <c r="I23" s="128"/>
      <c r="J23" s="85"/>
    </row>
    <row r="24" spans="1:10" ht="20.100000000000001" customHeight="1">
      <c r="A24" s="32"/>
      <c r="B24" s="7" t="s">
        <v>48</v>
      </c>
      <c r="C24" s="119"/>
      <c r="D24" s="119"/>
      <c r="E24" s="85"/>
      <c r="F24" s="134"/>
      <c r="G24" s="128"/>
      <c r="H24" s="128"/>
      <c r="I24" s="128"/>
      <c r="J24" s="85"/>
    </row>
    <row r="25" spans="1:10" ht="20.100000000000001" customHeight="1">
      <c r="A25" s="32"/>
      <c r="B25" s="27" t="s">
        <v>62</v>
      </c>
      <c r="C25" s="119"/>
      <c r="D25" s="119"/>
      <c r="E25" s="85"/>
      <c r="F25" s="134"/>
      <c r="G25" s="128"/>
      <c r="H25" s="128"/>
      <c r="I25" s="128"/>
      <c r="J25" s="85"/>
    </row>
    <row r="26" spans="1:10" ht="20.100000000000001" customHeight="1">
      <c r="A26" s="32"/>
      <c r="B26" s="83"/>
      <c r="C26" s="27"/>
      <c r="D26" s="83"/>
      <c r="E26" s="89"/>
      <c r="F26" s="134"/>
      <c r="G26" s="128"/>
      <c r="H26" s="128"/>
      <c r="I26" s="128"/>
      <c r="J26" s="85"/>
    </row>
    <row r="27" spans="1:10" ht="20.100000000000001" customHeight="1">
      <c r="A27" s="32"/>
      <c r="B27" s="41" t="s">
        <v>35</v>
      </c>
      <c r="C27" s="42"/>
      <c r="D27" s="43" t="s">
        <v>92</v>
      </c>
      <c r="E27" s="85"/>
      <c r="F27" s="134"/>
      <c r="G27" s="128"/>
      <c r="H27" s="128"/>
      <c r="I27" s="128"/>
      <c r="J27" s="85"/>
    </row>
    <row r="28" spans="1:10" ht="20.100000000000001" customHeight="1">
      <c r="A28" s="32"/>
      <c r="B28" s="94"/>
      <c r="C28" s="95"/>
      <c r="D28" s="96"/>
      <c r="E28" s="9"/>
      <c r="F28" s="134"/>
      <c r="G28" s="128"/>
      <c r="H28" s="128"/>
      <c r="I28" s="128"/>
      <c r="J28" s="85"/>
    </row>
    <row r="29" spans="1:10" ht="20.100000000000001" customHeight="1">
      <c r="A29" s="32"/>
      <c r="B29" s="97"/>
      <c r="C29" s="7"/>
      <c r="D29" s="98"/>
      <c r="E29" s="25"/>
      <c r="F29" s="134"/>
      <c r="G29" s="128"/>
      <c r="H29" s="128"/>
      <c r="I29" s="128"/>
      <c r="J29" s="85"/>
    </row>
    <row r="30" spans="1:10" ht="20.100000000000001" customHeight="1">
      <c r="A30" s="32"/>
      <c r="B30" s="99"/>
      <c r="C30" s="7"/>
      <c r="D30" s="98"/>
      <c r="E30" s="25"/>
      <c r="F30" s="134"/>
      <c r="G30" s="128"/>
      <c r="H30" s="128"/>
      <c r="I30" s="128"/>
      <c r="J30" s="85"/>
    </row>
    <row r="31" spans="1:10" ht="20.100000000000001" customHeight="1">
      <c r="A31" s="32"/>
      <c r="B31" s="32"/>
      <c r="C31" s="7"/>
      <c r="D31" s="98"/>
      <c r="E31" s="25"/>
      <c r="F31" s="134"/>
      <c r="G31" s="128"/>
      <c r="H31" s="128"/>
      <c r="I31" s="128"/>
      <c r="J31" s="85"/>
    </row>
    <row r="32" spans="1:10" ht="20.100000000000001" customHeight="1">
      <c r="A32" s="32"/>
      <c r="B32" s="100"/>
      <c r="C32" s="7"/>
      <c r="D32" s="98"/>
      <c r="E32" s="25"/>
      <c r="F32" s="134"/>
      <c r="G32" s="128"/>
      <c r="H32" s="128"/>
      <c r="I32" s="128"/>
      <c r="J32" s="85"/>
    </row>
    <row r="33" spans="1:10" ht="20.100000000000001" customHeight="1">
      <c r="A33" s="32"/>
      <c r="B33" s="32"/>
      <c r="C33" s="7"/>
      <c r="D33" s="98"/>
      <c r="E33" s="25"/>
      <c r="F33" s="134"/>
      <c r="G33" s="128"/>
      <c r="H33" s="128"/>
      <c r="I33" s="128"/>
      <c r="J33" s="85"/>
    </row>
    <row r="34" spans="1:10" ht="20.100000000000001" customHeight="1">
      <c r="A34" s="32"/>
      <c r="B34" s="32"/>
      <c r="C34" s="7"/>
      <c r="D34" s="98"/>
      <c r="E34" s="25"/>
      <c r="F34" s="134"/>
      <c r="G34" s="128"/>
      <c r="H34" s="128"/>
      <c r="I34" s="128"/>
      <c r="J34" s="85"/>
    </row>
    <row r="35" spans="1:10" ht="20.100000000000001" customHeight="1">
      <c r="A35" s="32"/>
      <c r="B35" s="32"/>
      <c r="C35" s="7"/>
      <c r="D35" s="98"/>
      <c r="E35" s="25"/>
      <c r="F35" s="134"/>
      <c r="G35" s="128"/>
      <c r="H35" s="128"/>
      <c r="I35" s="128"/>
      <c r="J35" s="85"/>
    </row>
    <row r="36" spans="1:10" ht="20.100000000000001" customHeight="1">
      <c r="A36" s="32"/>
      <c r="B36" s="32"/>
      <c r="C36" s="7"/>
      <c r="D36" s="98"/>
      <c r="E36" s="25"/>
      <c r="F36" s="134"/>
      <c r="G36" s="128"/>
      <c r="H36" s="128"/>
      <c r="I36" s="128"/>
      <c r="J36" s="85"/>
    </row>
    <row r="37" spans="1:10" ht="20.100000000000001" customHeight="1">
      <c r="A37" s="32"/>
      <c r="B37" s="32"/>
      <c r="C37" s="7"/>
      <c r="D37" s="98"/>
      <c r="E37" s="25"/>
      <c r="F37" s="134"/>
      <c r="G37" s="128"/>
      <c r="H37" s="128"/>
      <c r="I37" s="128"/>
      <c r="J37" s="85"/>
    </row>
    <row r="38" spans="1:10" ht="20.100000000000001" customHeight="1">
      <c r="A38" s="32"/>
      <c r="B38" s="61"/>
      <c r="C38" s="62"/>
      <c r="D38" s="101"/>
      <c r="E38" s="25"/>
      <c r="F38" s="134"/>
      <c r="G38" s="128"/>
      <c r="H38" s="128"/>
      <c r="I38" s="128"/>
      <c r="J38" s="85"/>
    </row>
    <row r="39" spans="1:10" ht="20.100000000000001" customHeight="1">
      <c r="A39" s="56"/>
      <c r="B39" s="11" t="s">
        <v>30</v>
      </c>
      <c r="C39" s="9"/>
      <c r="D39" s="57" t="s">
        <v>92</v>
      </c>
      <c r="E39" s="25"/>
      <c r="F39" s="134"/>
      <c r="G39" s="128"/>
      <c r="H39" s="128"/>
      <c r="I39" s="128"/>
      <c r="J39" s="85"/>
    </row>
    <row r="40" spans="1:10" ht="20.100000000000001" customHeight="1">
      <c r="A40" s="58"/>
      <c r="B40" s="102"/>
      <c r="C40" s="95"/>
      <c r="D40" s="96"/>
      <c r="E40" s="9"/>
      <c r="F40" s="134"/>
      <c r="G40" s="128"/>
      <c r="H40" s="128"/>
      <c r="I40" s="128"/>
      <c r="J40" s="85"/>
    </row>
    <row r="41" spans="1:10" ht="20.100000000000001" customHeight="1">
      <c r="A41" s="58"/>
      <c r="B41" s="32"/>
      <c r="C41" s="7"/>
      <c r="D41" s="98"/>
      <c r="E41" s="29"/>
      <c r="F41" s="134"/>
      <c r="G41" s="128"/>
      <c r="H41" s="128"/>
      <c r="I41" s="128"/>
      <c r="J41" s="85"/>
    </row>
    <row r="42" spans="1:10" ht="20.100000000000001" customHeight="1">
      <c r="A42" s="58"/>
      <c r="B42" s="32"/>
      <c r="C42" s="7"/>
      <c r="D42" s="98"/>
      <c r="E42" s="9"/>
      <c r="F42" s="134"/>
      <c r="G42" s="128"/>
      <c r="H42" s="128"/>
      <c r="I42" s="128"/>
      <c r="J42" s="85"/>
    </row>
    <row r="43" spans="1:10" ht="20.100000000000001" customHeight="1">
      <c r="A43" s="32"/>
      <c r="B43" s="32"/>
      <c r="C43" s="7"/>
      <c r="D43" s="98"/>
      <c r="E43" s="25"/>
      <c r="F43" s="134"/>
      <c r="G43" s="128"/>
      <c r="H43" s="128"/>
      <c r="I43" s="128"/>
      <c r="J43" s="85"/>
    </row>
    <row r="44" spans="1:10" ht="20.100000000000001" customHeight="1">
      <c r="A44" s="32"/>
      <c r="B44" s="32"/>
      <c r="C44" s="7"/>
      <c r="D44" s="103"/>
      <c r="E44" s="25"/>
      <c r="F44" s="134"/>
      <c r="G44" s="128"/>
      <c r="H44" s="128"/>
      <c r="I44" s="128"/>
      <c r="J44" s="85"/>
    </row>
    <row r="45" spans="1:10" ht="20.100000000000001" customHeight="1">
      <c r="A45" s="32"/>
      <c r="B45" s="32"/>
      <c r="C45" s="7"/>
      <c r="D45" s="103"/>
      <c r="E45" s="25"/>
      <c r="F45" s="134"/>
      <c r="G45" s="128"/>
      <c r="H45" s="128"/>
      <c r="I45" s="128"/>
      <c r="J45" s="85"/>
    </row>
    <row r="46" spans="1:10" ht="20.100000000000001" customHeight="1">
      <c r="A46" s="32"/>
      <c r="B46" s="32"/>
      <c r="C46" s="7"/>
      <c r="D46" s="103"/>
      <c r="E46" s="25"/>
      <c r="F46" s="134"/>
      <c r="G46" s="128"/>
      <c r="H46" s="128"/>
      <c r="I46" s="128"/>
      <c r="J46" s="85"/>
    </row>
    <row r="47" spans="1:10" ht="20.100000000000001" customHeight="1">
      <c r="A47" s="32"/>
      <c r="B47" s="32"/>
      <c r="C47" s="7"/>
      <c r="D47" s="103"/>
      <c r="E47" s="25"/>
      <c r="F47" s="134"/>
      <c r="G47" s="128"/>
      <c r="H47" s="128"/>
      <c r="I47" s="128"/>
      <c r="J47" s="85"/>
    </row>
    <row r="48" spans="1:10" ht="20.100000000000001" customHeight="1">
      <c r="A48" s="86"/>
      <c r="B48" s="32"/>
      <c r="C48" s="7"/>
      <c r="D48" s="103"/>
      <c r="E48" s="9"/>
      <c r="F48" s="134"/>
      <c r="G48" s="128"/>
      <c r="H48" s="128"/>
      <c r="I48" s="128"/>
      <c r="J48" s="85"/>
    </row>
    <row r="49" spans="1:10" ht="20.100000000000001" customHeight="1">
      <c r="A49" s="86"/>
      <c r="B49" s="61"/>
      <c r="C49" s="62"/>
      <c r="D49" s="104"/>
      <c r="E49" s="85"/>
      <c r="F49" s="134"/>
      <c r="G49" s="128"/>
      <c r="H49" s="128"/>
      <c r="I49" s="128"/>
      <c r="J49" s="85"/>
    </row>
    <row r="50" spans="1:10" ht="20.100000000000001" customHeight="1">
      <c r="A50" s="86"/>
      <c r="B50" s="11" t="s">
        <v>34</v>
      </c>
      <c r="C50" s="9"/>
      <c r="D50" s="57" t="s">
        <v>92</v>
      </c>
      <c r="E50" s="85"/>
      <c r="F50" s="134"/>
      <c r="G50" s="128"/>
      <c r="H50" s="128"/>
      <c r="I50" s="128"/>
      <c r="J50" s="85"/>
    </row>
    <row r="51" spans="1:10" ht="20.100000000000001" customHeight="1">
      <c r="A51" s="58"/>
      <c r="B51" s="102"/>
      <c r="C51" s="95"/>
      <c r="D51" s="96"/>
      <c r="E51" s="28"/>
      <c r="F51" s="134"/>
      <c r="G51" s="128"/>
      <c r="H51" s="128"/>
      <c r="I51" s="128"/>
      <c r="J51" s="85"/>
    </row>
    <row r="52" spans="1:10" ht="20.100000000000001" customHeight="1">
      <c r="A52" s="58"/>
      <c r="B52" s="32"/>
      <c r="C52" s="7"/>
      <c r="D52" s="98"/>
      <c r="E52" s="85"/>
      <c r="F52" s="134"/>
      <c r="G52" s="128"/>
      <c r="H52" s="128"/>
      <c r="I52" s="128"/>
      <c r="J52" s="85"/>
    </row>
    <row r="53" spans="1:10" ht="20.100000000000001" customHeight="1">
      <c r="A53" s="58"/>
      <c r="B53" s="32"/>
      <c r="C53" s="7"/>
      <c r="D53" s="98"/>
      <c r="E53" s="85"/>
      <c r="F53" s="74" t="s">
        <v>194</v>
      </c>
      <c r="G53" s="66"/>
      <c r="H53" s="66"/>
      <c r="I53" s="77"/>
      <c r="J53" s="85"/>
    </row>
    <row r="54" spans="1:10" ht="20.100000000000001" customHeight="1">
      <c r="A54" s="32"/>
      <c r="B54" s="61"/>
      <c r="C54" s="105"/>
      <c r="D54" s="101"/>
      <c r="E54" s="29"/>
      <c r="F54" s="12"/>
      <c r="G54" s="135" t="s">
        <v>176</v>
      </c>
      <c r="H54" s="135"/>
      <c r="I54" s="77"/>
      <c r="J54" s="85"/>
    </row>
    <row r="55" spans="1:10" ht="20.100000000000001" customHeight="1">
      <c r="A55" s="32"/>
      <c r="B55" s="11" t="s">
        <v>33</v>
      </c>
      <c r="C55" s="9"/>
      <c r="D55" s="57" t="s">
        <v>92</v>
      </c>
      <c r="E55" s="85"/>
      <c r="F55" s="74"/>
      <c r="G55" s="66"/>
      <c r="H55" s="66"/>
      <c r="I55" s="77"/>
      <c r="J55" s="85"/>
    </row>
    <row r="56" spans="1:10" ht="20.100000000000001" customHeight="1">
      <c r="A56" s="86"/>
      <c r="B56" s="102"/>
      <c r="C56" s="95"/>
      <c r="D56" s="96"/>
      <c r="E56" s="29"/>
      <c r="F56" s="66" t="s">
        <v>195</v>
      </c>
      <c r="G56" s="66"/>
      <c r="H56" s="66"/>
      <c r="I56" s="77"/>
      <c r="J56" s="85"/>
    </row>
    <row r="57" spans="1:10" ht="20.100000000000001" customHeight="1">
      <c r="A57" s="86"/>
      <c r="B57" s="32"/>
      <c r="C57" s="7"/>
      <c r="D57" s="98"/>
      <c r="E57" s="106"/>
      <c r="F57" s="12"/>
      <c r="G57" s="144"/>
      <c r="H57" s="144"/>
      <c r="I57" s="16"/>
      <c r="J57" s="85"/>
    </row>
    <row r="58" spans="1:10" ht="20.100000000000001" customHeight="1">
      <c r="A58" s="86"/>
      <c r="B58" s="32"/>
      <c r="C58" s="7"/>
      <c r="D58" s="98"/>
      <c r="E58" s="85"/>
      <c r="F58" s="66"/>
      <c r="G58" s="132" t="s">
        <v>147</v>
      </c>
      <c r="H58" s="132"/>
      <c r="I58" s="16"/>
      <c r="J58" s="85"/>
    </row>
    <row r="59" spans="1:10" ht="20.100000000000001" customHeight="1">
      <c r="A59" s="86"/>
      <c r="B59" s="32"/>
      <c r="C59" s="7"/>
      <c r="D59" s="98"/>
      <c r="E59" s="85"/>
      <c r="F59" s="12"/>
      <c r="G59" s="144"/>
      <c r="H59" s="144"/>
      <c r="I59" s="16"/>
      <c r="J59" s="85"/>
    </row>
    <row r="60" spans="1:10" ht="20.100000000000001" customHeight="1">
      <c r="A60" s="86"/>
      <c r="B60" s="61"/>
      <c r="C60" s="105"/>
      <c r="D60" s="101"/>
      <c r="E60" s="85"/>
      <c r="F60" s="12"/>
      <c r="G60" s="144"/>
      <c r="H60" s="144"/>
      <c r="I60" s="16"/>
      <c r="J60" s="85"/>
    </row>
    <row r="61" spans="1:10" ht="20.100000000000001" customHeight="1">
      <c r="A61" s="86"/>
      <c r="B61" s="7"/>
      <c r="C61" s="7"/>
      <c r="D61" s="107"/>
      <c r="E61" s="85"/>
      <c r="F61" s="81"/>
      <c r="G61" s="145" t="s">
        <v>44</v>
      </c>
      <c r="H61" s="146"/>
      <c r="I61" s="146"/>
      <c r="J61" s="84"/>
    </row>
    <row r="62" spans="1:10" ht="20.100000000000001" customHeight="1">
      <c r="A62" s="58" t="s">
        <v>63</v>
      </c>
      <c r="B62" s="92"/>
      <c r="C62" s="65"/>
      <c r="D62" s="83"/>
      <c r="E62" s="85"/>
      <c r="F62" s="31"/>
      <c r="G62" s="147"/>
      <c r="H62" s="147"/>
      <c r="I62" s="147"/>
      <c r="J62" s="85"/>
    </row>
    <row r="63" spans="1:10" ht="32.4">
      <c r="A63" s="58"/>
      <c r="B63" s="7"/>
      <c r="C63" s="67"/>
      <c r="D63" s="83"/>
      <c r="E63" s="85"/>
      <c r="F63" s="74"/>
      <c r="G63" s="115" t="s">
        <v>45</v>
      </c>
      <c r="H63" s="148" t="s">
        <v>164</v>
      </c>
      <c r="I63" s="149"/>
      <c r="J63" s="85"/>
    </row>
    <row r="64" spans="1:10" ht="20.100000000000001" customHeight="1">
      <c r="A64" s="58"/>
      <c r="B64" s="83"/>
      <c r="C64" s="7"/>
      <c r="D64" s="66"/>
      <c r="E64" s="85"/>
      <c r="F64" s="12"/>
      <c r="G64" s="109" t="s">
        <v>41</v>
      </c>
      <c r="H64" s="150"/>
      <c r="I64" s="151"/>
      <c r="J64" s="85"/>
    </row>
    <row r="65" spans="1:10" ht="20.100000000000001" customHeight="1">
      <c r="A65" s="32" t="s">
        <v>166</v>
      </c>
      <c r="B65" s="66" t="s">
        <v>162</v>
      </c>
      <c r="C65" s="7"/>
      <c r="D65" s="83"/>
      <c r="E65" s="85"/>
      <c r="F65" s="74"/>
      <c r="G65" s="109" t="s">
        <v>42</v>
      </c>
      <c r="H65" s="150"/>
      <c r="I65" s="151"/>
      <c r="J65" s="85"/>
    </row>
    <row r="66" spans="1:10" ht="20.100000000000001" customHeight="1">
      <c r="A66" s="32"/>
      <c r="B66" s="7"/>
      <c r="C66" s="7"/>
      <c r="D66" s="66"/>
      <c r="E66" s="29"/>
      <c r="F66" s="66"/>
      <c r="G66" s="109" t="s">
        <v>183</v>
      </c>
      <c r="H66" s="150"/>
      <c r="I66" s="151"/>
      <c r="J66" s="85"/>
    </row>
    <row r="67" spans="1:10" ht="20.100000000000001" customHeight="1">
      <c r="A67" s="32"/>
      <c r="B67" s="7"/>
      <c r="C67" s="83"/>
      <c r="D67" s="66"/>
      <c r="E67" s="85"/>
      <c r="F67" s="12"/>
      <c r="G67" s="109" t="s">
        <v>93</v>
      </c>
      <c r="H67" s="150"/>
      <c r="I67" s="151"/>
      <c r="J67" s="85"/>
    </row>
    <row r="68" spans="1:10" ht="20.100000000000001" customHeight="1">
      <c r="A68" s="32"/>
      <c r="B68" s="7"/>
      <c r="C68" s="83"/>
      <c r="D68" s="66"/>
      <c r="E68" s="85"/>
      <c r="F68" s="12"/>
      <c r="G68" s="109" t="s">
        <v>43</v>
      </c>
      <c r="H68" s="143"/>
      <c r="I68" s="143"/>
      <c r="J68" s="85"/>
    </row>
    <row r="69" spans="1:10" ht="20.100000000000001" customHeight="1">
      <c r="A69" s="110"/>
      <c r="B69" s="111"/>
      <c r="C69" s="111"/>
      <c r="D69" s="111"/>
      <c r="E69" s="112"/>
      <c r="F69" s="113"/>
      <c r="G69" s="113"/>
      <c r="H69" s="113"/>
      <c r="I69" s="113"/>
      <c r="J69" s="114"/>
    </row>
    <row r="70" spans="1:10" ht="20.100000000000001" customHeight="1">
      <c r="B70" s="72"/>
      <c r="C70" s="72"/>
      <c r="D70" s="72"/>
      <c r="E70" s="72"/>
      <c r="F70" s="72"/>
      <c r="G70" s="72"/>
      <c r="H70" s="72"/>
      <c r="I70" s="72"/>
    </row>
  </sheetData>
  <mergeCells count="30">
    <mergeCell ref="H68:I68"/>
    <mergeCell ref="G54:H54"/>
    <mergeCell ref="G57:H57"/>
    <mergeCell ref="G58:H58"/>
    <mergeCell ref="G59:H59"/>
    <mergeCell ref="G60:H60"/>
    <mergeCell ref="G61:I62"/>
    <mergeCell ref="H63:I63"/>
    <mergeCell ref="H64:I64"/>
    <mergeCell ref="H65:I65"/>
    <mergeCell ref="H66:I66"/>
    <mergeCell ref="H67:I67"/>
    <mergeCell ref="F20:J20"/>
    <mergeCell ref="C21:D21"/>
    <mergeCell ref="C23:D23"/>
    <mergeCell ref="C24:D24"/>
    <mergeCell ref="C25:D25"/>
    <mergeCell ref="F21:I52"/>
    <mergeCell ref="G18:I18"/>
    <mergeCell ref="A1:J1"/>
    <mergeCell ref="A2:E2"/>
    <mergeCell ref="F2:J2"/>
    <mergeCell ref="F4:J4"/>
    <mergeCell ref="F5:J5"/>
    <mergeCell ref="G6:I8"/>
    <mergeCell ref="F9:J9"/>
    <mergeCell ref="G10:I10"/>
    <mergeCell ref="F11:J11"/>
    <mergeCell ref="G12:I16"/>
    <mergeCell ref="F17:I17"/>
  </mergeCells>
  <phoneticPr fontId="8"/>
  <pageMargins left="0.25" right="0.25" top="0.75" bottom="0.75" header="0.3" footer="0.3"/>
  <pageSetup paperSize="9" scale="57" orientation="portrait" r:id="rId1"/>
  <rowBreaks count="1" manualBreakCount="1">
    <brk id="72" max="16383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70"/>
  <sheetViews>
    <sheetView view="pageBreakPreview" topLeftCell="A40" zoomScaleNormal="50" zoomScaleSheetLayoutView="100" workbookViewId="0">
      <selection activeCell="F21" sqref="F21:I52"/>
    </sheetView>
  </sheetViews>
  <sheetFormatPr defaultColWidth="9" defaultRowHeight="20.100000000000001" customHeight="1"/>
  <cols>
    <col min="1" max="1" width="5" style="33" customWidth="1"/>
    <col min="2" max="2" width="23.3984375" style="33" customWidth="1"/>
    <col min="3" max="3" width="10.8984375" style="33" customWidth="1"/>
    <col min="4" max="4" width="15.3984375" style="33" customWidth="1"/>
    <col min="5" max="6" width="4.8984375" style="33" customWidth="1"/>
    <col min="7" max="7" width="21.3984375" style="33" customWidth="1"/>
    <col min="8" max="8" width="34.59765625" style="33" customWidth="1"/>
    <col min="9" max="9" width="34.69921875" style="33" customWidth="1"/>
    <col min="10" max="10" width="2.09765625" style="33" customWidth="1"/>
    <col min="11" max="11" width="64.09765625" style="33" customWidth="1"/>
    <col min="12" max="12" width="70.59765625" style="33" customWidth="1"/>
    <col min="13" max="13" width="6.19921875" style="33" customWidth="1"/>
    <col min="14" max="16384" width="9" style="33"/>
  </cols>
  <sheetData>
    <row r="1" spans="1:13" ht="36" customHeight="1">
      <c r="A1" s="121" t="s">
        <v>148</v>
      </c>
      <c r="B1" s="121"/>
      <c r="C1" s="121"/>
      <c r="D1" s="121"/>
      <c r="E1" s="121"/>
      <c r="F1" s="121"/>
      <c r="G1" s="121"/>
      <c r="H1" s="121"/>
      <c r="I1" s="121"/>
      <c r="J1" s="121"/>
      <c r="K1" s="8"/>
      <c r="L1" s="8"/>
      <c r="M1" s="8"/>
    </row>
    <row r="2" spans="1:13" ht="24.9" customHeight="1">
      <c r="A2" s="122" t="s">
        <v>0</v>
      </c>
      <c r="B2" s="123"/>
      <c r="C2" s="123"/>
      <c r="D2" s="123"/>
      <c r="E2" s="124"/>
      <c r="F2" s="122" t="s">
        <v>29</v>
      </c>
      <c r="G2" s="123"/>
      <c r="H2" s="123"/>
      <c r="I2" s="123"/>
      <c r="J2" s="124"/>
    </row>
    <row r="3" spans="1:13" ht="9" customHeight="1">
      <c r="A3" s="30" t="s">
        <v>40</v>
      </c>
      <c r="B3" s="12"/>
      <c r="C3" s="12"/>
      <c r="D3" s="12"/>
      <c r="E3" s="13"/>
      <c r="F3" s="7"/>
      <c r="G3" s="7"/>
      <c r="H3" s="7"/>
      <c r="I3" s="34"/>
      <c r="J3" s="80"/>
    </row>
    <row r="4" spans="1:13" ht="20.100000000000001" customHeight="1">
      <c r="A4" s="32" t="s">
        <v>126</v>
      </c>
      <c r="B4" s="12"/>
      <c r="C4" s="7"/>
      <c r="D4" s="12"/>
      <c r="E4" s="13"/>
      <c r="F4" s="125" t="s">
        <v>132</v>
      </c>
      <c r="G4" s="126"/>
      <c r="H4" s="126"/>
      <c r="I4" s="126"/>
      <c r="J4" s="127"/>
    </row>
    <row r="5" spans="1:13" ht="20.100000000000001" customHeight="1">
      <c r="A5" s="32"/>
      <c r="B5" s="14" t="s">
        <v>58</v>
      </c>
      <c r="C5" s="138" t="s">
        <v>159</v>
      </c>
      <c r="D5" s="139"/>
      <c r="E5" s="35"/>
      <c r="F5" s="125" t="s">
        <v>133</v>
      </c>
      <c r="G5" s="126"/>
      <c r="H5" s="126"/>
      <c r="I5" s="126"/>
      <c r="J5" s="127"/>
    </row>
    <row r="6" spans="1:13" ht="20.100000000000001" customHeight="1">
      <c r="A6" s="32"/>
      <c r="B6" s="14"/>
      <c r="C6" s="140"/>
      <c r="D6" s="141"/>
      <c r="E6" s="25"/>
      <c r="F6" s="12"/>
      <c r="G6" s="128" t="s">
        <v>152</v>
      </c>
      <c r="H6" s="128"/>
      <c r="I6" s="128"/>
      <c r="J6" s="35"/>
    </row>
    <row r="7" spans="1:13" ht="20.100000000000001" customHeight="1">
      <c r="A7" s="32" t="s">
        <v>128</v>
      </c>
      <c r="B7" s="7"/>
      <c r="C7" s="14"/>
      <c r="D7" s="34"/>
      <c r="E7" s="35"/>
      <c r="F7" s="12"/>
      <c r="G7" s="128"/>
      <c r="H7" s="128"/>
      <c r="I7" s="128"/>
      <c r="J7" s="35"/>
    </row>
    <row r="8" spans="1:13" ht="20.100000000000001" customHeight="1">
      <c r="A8" s="36"/>
      <c r="B8" s="14" t="s">
        <v>64</v>
      </c>
      <c r="C8" s="34"/>
      <c r="D8" s="34"/>
      <c r="E8" s="35"/>
      <c r="F8" s="12"/>
      <c r="G8" s="128"/>
      <c r="H8" s="128"/>
      <c r="I8" s="128"/>
      <c r="J8" s="35"/>
    </row>
    <row r="9" spans="1:13" ht="20.100000000000001" customHeight="1">
      <c r="A9" s="32"/>
      <c r="B9" s="14" t="s">
        <v>65</v>
      </c>
      <c r="C9" s="34"/>
      <c r="D9" s="34"/>
      <c r="E9" s="25"/>
      <c r="F9" s="125" t="s">
        <v>134</v>
      </c>
      <c r="G9" s="126"/>
      <c r="H9" s="126"/>
      <c r="I9" s="126"/>
      <c r="J9" s="127"/>
    </row>
    <row r="10" spans="1:13" ht="20.100000000000001" customHeight="1">
      <c r="A10" s="37"/>
      <c r="B10" s="34"/>
      <c r="C10" s="5"/>
      <c r="D10" s="7"/>
      <c r="E10" s="25"/>
      <c r="F10" s="37"/>
      <c r="G10" s="137" t="s">
        <v>150</v>
      </c>
      <c r="H10" s="137"/>
      <c r="I10" s="137"/>
      <c r="J10" s="68"/>
    </row>
    <row r="11" spans="1:13" ht="20.100000000000001" customHeight="1">
      <c r="A11" s="74" t="s">
        <v>67</v>
      </c>
      <c r="B11" s="7"/>
      <c r="C11" s="14"/>
      <c r="D11" s="7"/>
      <c r="E11" s="25"/>
      <c r="F11" s="125" t="s">
        <v>135</v>
      </c>
      <c r="G11" s="126"/>
      <c r="H11" s="126"/>
      <c r="I11" s="126"/>
      <c r="J11" s="127"/>
    </row>
    <row r="12" spans="1:13" ht="20.100000000000001" customHeight="1">
      <c r="A12" s="36"/>
      <c r="B12" s="14" t="s">
        <v>125</v>
      </c>
      <c r="C12" s="7"/>
      <c r="D12" s="7"/>
      <c r="E12" s="25"/>
      <c r="F12" s="37"/>
      <c r="G12" s="128" t="s">
        <v>149</v>
      </c>
      <c r="H12" s="128"/>
      <c r="I12" s="128"/>
      <c r="J12" s="68"/>
      <c r="K12" s="76"/>
    </row>
    <row r="13" spans="1:13" ht="20.100000000000001" customHeight="1">
      <c r="A13" s="32"/>
      <c r="B13" s="14" t="s">
        <v>124</v>
      </c>
      <c r="C13" s="7"/>
      <c r="D13" s="7"/>
      <c r="E13" s="25"/>
      <c r="F13" s="12"/>
      <c r="G13" s="128"/>
      <c r="H13" s="128"/>
      <c r="I13" s="128"/>
      <c r="J13" s="35"/>
    </row>
    <row r="14" spans="1:13" ht="20.100000000000001" customHeight="1">
      <c r="A14" s="37"/>
      <c r="B14" s="14" t="s">
        <v>88</v>
      </c>
      <c r="C14" s="7"/>
      <c r="D14" s="7"/>
      <c r="E14" s="29"/>
      <c r="F14" s="12"/>
      <c r="G14" s="128"/>
      <c r="H14" s="128"/>
      <c r="I14" s="128"/>
      <c r="J14" s="35"/>
    </row>
    <row r="15" spans="1:13" ht="12" customHeight="1">
      <c r="A15" s="37"/>
      <c r="B15" s="14"/>
      <c r="C15" s="7"/>
      <c r="D15" s="7"/>
      <c r="E15" s="29"/>
      <c r="F15" s="12"/>
      <c r="G15" s="128"/>
      <c r="H15" s="128"/>
      <c r="I15" s="128"/>
      <c r="J15" s="35"/>
    </row>
    <row r="16" spans="1:13" ht="20.100000000000001" customHeight="1">
      <c r="A16" s="37" t="s">
        <v>66</v>
      </c>
      <c r="B16" s="7"/>
      <c r="C16" s="7"/>
      <c r="D16" s="19"/>
      <c r="E16" s="38"/>
      <c r="F16" s="12"/>
      <c r="G16" s="128"/>
      <c r="H16" s="128"/>
      <c r="I16" s="128"/>
      <c r="J16" s="35"/>
    </row>
    <row r="17" spans="1:10" ht="20.100000000000001" customHeight="1">
      <c r="A17" s="36"/>
      <c r="B17" s="7" t="s">
        <v>187</v>
      </c>
      <c r="C17" s="19" t="s">
        <v>87</v>
      </c>
      <c r="D17" s="39" t="s">
        <v>86</v>
      </c>
      <c r="E17" s="20"/>
      <c r="F17" s="125" t="s">
        <v>136</v>
      </c>
      <c r="G17" s="126"/>
      <c r="H17" s="126"/>
      <c r="I17" s="126"/>
      <c r="J17" s="35"/>
    </row>
    <row r="18" spans="1:10" ht="20.100000000000001" customHeight="1">
      <c r="A18" s="40"/>
      <c r="B18" s="7" t="s">
        <v>138</v>
      </c>
      <c r="C18" s="21" t="s">
        <v>89</v>
      </c>
      <c r="D18" s="22" t="s">
        <v>86</v>
      </c>
      <c r="E18" s="20"/>
      <c r="F18" s="37"/>
      <c r="G18" s="142" t="s">
        <v>151</v>
      </c>
      <c r="H18" s="142"/>
      <c r="I18" s="142"/>
      <c r="J18" s="35"/>
    </row>
    <row r="19" spans="1:10" ht="20.100000000000001" customHeight="1">
      <c r="A19" s="40"/>
      <c r="B19" s="34"/>
      <c r="C19" s="7"/>
      <c r="D19" s="34"/>
      <c r="E19" s="20"/>
      <c r="F19" s="37"/>
      <c r="G19" s="23"/>
      <c r="H19" s="23"/>
      <c r="I19" s="23"/>
      <c r="J19" s="35"/>
    </row>
    <row r="20" spans="1:10" ht="20.100000000000001" customHeight="1">
      <c r="A20" s="40" t="s">
        <v>59</v>
      </c>
      <c r="B20" s="34"/>
      <c r="C20" s="7"/>
      <c r="D20" s="34"/>
      <c r="E20" s="24"/>
      <c r="F20" s="125" t="s">
        <v>153</v>
      </c>
      <c r="G20" s="126"/>
      <c r="H20" s="126"/>
      <c r="I20" s="126"/>
      <c r="J20" s="127"/>
    </row>
    <row r="21" spans="1:10" ht="20.100000000000001" customHeight="1">
      <c r="A21" s="32"/>
      <c r="B21" s="7" t="s">
        <v>60</v>
      </c>
      <c r="C21" s="136" t="s">
        <v>193</v>
      </c>
      <c r="D21" s="136"/>
      <c r="E21" s="35"/>
      <c r="F21" s="134" t="s">
        <v>185</v>
      </c>
      <c r="G21" s="128"/>
      <c r="H21" s="128"/>
      <c r="I21" s="128"/>
      <c r="J21" s="35"/>
    </row>
    <row r="22" spans="1:10" ht="20.100000000000001" customHeight="1">
      <c r="A22" s="32"/>
      <c r="B22" s="7" t="s">
        <v>61</v>
      </c>
      <c r="C22" s="26" t="s">
        <v>68</v>
      </c>
      <c r="D22" s="34"/>
      <c r="E22" s="35"/>
      <c r="F22" s="134"/>
      <c r="G22" s="128"/>
      <c r="H22" s="128"/>
      <c r="I22" s="128"/>
      <c r="J22" s="35"/>
    </row>
    <row r="23" spans="1:10" ht="20.100000000000001" customHeight="1">
      <c r="A23" s="32"/>
      <c r="B23" s="7" t="s">
        <v>47</v>
      </c>
      <c r="C23" s="136" t="s">
        <v>69</v>
      </c>
      <c r="D23" s="136"/>
      <c r="E23" s="35"/>
      <c r="F23" s="134"/>
      <c r="G23" s="128"/>
      <c r="H23" s="128"/>
      <c r="I23" s="128"/>
      <c r="J23" s="35"/>
    </row>
    <row r="24" spans="1:10" ht="20.100000000000001" customHeight="1">
      <c r="A24" s="32"/>
      <c r="B24" s="7" t="s">
        <v>48</v>
      </c>
      <c r="C24" s="136" t="s">
        <v>70</v>
      </c>
      <c r="D24" s="136"/>
      <c r="E24" s="35"/>
      <c r="F24" s="134"/>
      <c r="G24" s="128"/>
      <c r="H24" s="128"/>
      <c r="I24" s="128"/>
      <c r="J24" s="35"/>
    </row>
    <row r="25" spans="1:10" ht="20.100000000000001" customHeight="1">
      <c r="A25" s="32"/>
      <c r="B25" s="27" t="s">
        <v>62</v>
      </c>
      <c r="C25" s="136" t="s">
        <v>85</v>
      </c>
      <c r="D25" s="136"/>
      <c r="E25" s="35"/>
      <c r="F25" s="134"/>
      <c r="G25" s="128"/>
      <c r="H25" s="128"/>
      <c r="I25" s="128"/>
      <c r="J25" s="35"/>
    </row>
    <row r="26" spans="1:10" ht="20.100000000000001" customHeight="1">
      <c r="A26" s="32"/>
      <c r="B26" s="34"/>
      <c r="C26" s="27"/>
      <c r="D26" s="34"/>
      <c r="E26" s="24"/>
      <c r="F26" s="134"/>
      <c r="G26" s="128"/>
      <c r="H26" s="128"/>
      <c r="I26" s="128"/>
      <c r="J26" s="35"/>
    </row>
    <row r="27" spans="1:10" ht="20.100000000000001" customHeight="1">
      <c r="A27" s="32"/>
      <c r="B27" s="41" t="s">
        <v>35</v>
      </c>
      <c r="C27" s="42"/>
      <c r="D27" s="43" t="s">
        <v>92</v>
      </c>
      <c r="E27" s="35"/>
      <c r="F27" s="134"/>
      <c r="G27" s="128"/>
      <c r="H27" s="128"/>
      <c r="I27" s="128"/>
      <c r="J27" s="35"/>
    </row>
    <row r="28" spans="1:10" ht="20.100000000000001" customHeight="1">
      <c r="A28" s="32"/>
      <c r="B28" s="44" t="s">
        <v>1</v>
      </c>
      <c r="C28" s="45" t="s">
        <v>156</v>
      </c>
      <c r="D28" s="46" t="s">
        <v>71</v>
      </c>
      <c r="E28" s="9"/>
      <c r="F28" s="134"/>
      <c r="G28" s="128"/>
      <c r="H28" s="128"/>
      <c r="I28" s="128"/>
      <c r="J28" s="35"/>
    </row>
    <row r="29" spans="1:10" ht="20.100000000000001" customHeight="1">
      <c r="A29" s="32"/>
      <c r="B29" s="47" t="s">
        <v>3</v>
      </c>
      <c r="C29" s="14" t="s">
        <v>157</v>
      </c>
      <c r="D29" s="48" t="s">
        <v>72</v>
      </c>
      <c r="E29" s="49"/>
      <c r="F29" s="134"/>
      <c r="G29" s="128"/>
      <c r="H29" s="128"/>
      <c r="I29" s="128"/>
      <c r="J29" s="35"/>
    </row>
    <row r="30" spans="1:10" ht="20.100000000000001" customHeight="1">
      <c r="A30" s="32"/>
      <c r="B30" s="50" t="s">
        <v>5</v>
      </c>
      <c r="C30" s="14" t="s">
        <v>50</v>
      </c>
      <c r="D30" s="48" t="s">
        <v>73</v>
      </c>
      <c r="E30" s="49"/>
      <c r="F30" s="134"/>
      <c r="G30" s="128"/>
      <c r="H30" s="128"/>
      <c r="I30" s="128"/>
      <c r="J30" s="35"/>
    </row>
    <row r="31" spans="1:10" ht="20.100000000000001" customHeight="1">
      <c r="A31" s="32"/>
      <c r="B31" s="51" t="s">
        <v>6</v>
      </c>
      <c r="C31" s="14" t="s">
        <v>51</v>
      </c>
      <c r="D31" s="48" t="s">
        <v>74</v>
      </c>
      <c r="E31" s="49"/>
      <c r="F31" s="134"/>
      <c r="G31" s="128"/>
      <c r="H31" s="128"/>
      <c r="I31" s="128"/>
      <c r="J31" s="35"/>
    </row>
    <row r="32" spans="1:10" ht="20.100000000000001" customHeight="1">
      <c r="A32" s="32"/>
      <c r="B32" s="52" t="s">
        <v>8</v>
      </c>
      <c r="C32" s="14" t="s">
        <v>158</v>
      </c>
      <c r="D32" s="48" t="s">
        <v>75</v>
      </c>
      <c r="E32" s="49"/>
      <c r="F32" s="134"/>
      <c r="G32" s="128"/>
      <c r="H32" s="128"/>
      <c r="I32" s="128"/>
      <c r="J32" s="35"/>
    </row>
    <row r="33" spans="1:10" ht="20.100000000000001" customHeight="1">
      <c r="A33" s="32"/>
      <c r="B33" s="51" t="s">
        <v>11</v>
      </c>
      <c r="C33" s="14" t="s">
        <v>52</v>
      </c>
      <c r="D33" s="48" t="s">
        <v>76</v>
      </c>
      <c r="E33" s="49"/>
      <c r="F33" s="134"/>
      <c r="G33" s="128"/>
      <c r="H33" s="128"/>
      <c r="I33" s="128"/>
      <c r="J33" s="35"/>
    </row>
    <row r="34" spans="1:10" ht="20.100000000000001" customHeight="1">
      <c r="A34" s="32"/>
      <c r="B34" s="51" t="s">
        <v>15</v>
      </c>
      <c r="C34" s="14" t="s">
        <v>139</v>
      </c>
      <c r="D34" s="48" t="s">
        <v>77</v>
      </c>
      <c r="E34" s="49"/>
      <c r="F34" s="134"/>
      <c r="G34" s="128"/>
      <c r="H34" s="128"/>
      <c r="I34" s="128"/>
      <c r="J34" s="35"/>
    </row>
    <row r="35" spans="1:10" ht="20.100000000000001" customHeight="1">
      <c r="A35" s="32"/>
      <c r="B35" s="51" t="s">
        <v>17</v>
      </c>
      <c r="C35" s="14" t="s">
        <v>140</v>
      </c>
      <c r="D35" s="48" t="s">
        <v>77</v>
      </c>
      <c r="E35" s="49"/>
      <c r="F35" s="134"/>
      <c r="G35" s="128"/>
      <c r="H35" s="128"/>
      <c r="I35" s="128"/>
      <c r="J35" s="35"/>
    </row>
    <row r="36" spans="1:10" ht="20.100000000000001" customHeight="1">
      <c r="A36" s="32"/>
      <c r="B36" s="51" t="s">
        <v>98</v>
      </c>
      <c r="C36" s="14" t="s">
        <v>53</v>
      </c>
      <c r="D36" s="48" t="s">
        <v>77</v>
      </c>
      <c r="E36" s="49"/>
      <c r="F36" s="134"/>
      <c r="G36" s="128"/>
      <c r="H36" s="128"/>
      <c r="I36" s="128"/>
      <c r="J36" s="35"/>
    </row>
    <row r="37" spans="1:10" ht="20.100000000000001" customHeight="1">
      <c r="A37" s="32"/>
      <c r="B37" s="51" t="s">
        <v>19</v>
      </c>
      <c r="C37" s="14" t="s">
        <v>54</v>
      </c>
      <c r="D37" s="48" t="s">
        <v>77</v>
      </c>
      <c r="E37" s="49"/>
      <c r="F37" s="134"/>
      <c r="G37" s="128"/>
      <c r="H37" s="128"/>
      <c r="I37" s="128"/>
      <c r="J37" s="35"/>
    </row>
    <row r="38" spans="1:10" ht="20.100000000000001" customHeight="1">
      <c r="A38" s="32"/>
      <c r="B38" s="53"/>
      <c r="C38" s="75"/>
      <c r="D38" s="55"/>
      <c r="E38" s="49"/>
      <c r="F38" s="134"/>
      <c r="G38" s="128"/>
      <c r="H38" s="128"/>
      <c r="I38" s="128"/>
      <c r="J38" s="35"/>
    </row>
    <row r="39" spans="1:10" ht="20.100000000000001" customHeight="1">
      <c r="A39" s="56"/>
      <c r="B39" s="11" t="s">
        <v>30</v>
      </c>
      <c r="C39" s="9"/>
      <c r="D39" s="57" t="s">
        <v>92</v>
      </c>
      <c r="E39" s="25"/>
      <c r="F39" s="134"/>
      <c r="G39" s="128"/>
      <c r="H39" s="128"/>
      <c r="I39" s="128"/>
      <c r="J39" s="35"/>
    </row>
    <row r="40" spans="1:10" ht="20.100000000000001" customHeight="1">
      <c r="A40" s="58"/>
      <c r="B40" s="59" t="s">
        <v>100</v>
      </c>
      <c r="C40" s="45" t="s">
        <v>129</v>
      </c>
      <c r="D40" s="46" t="s">
        <v>78</v>
      </c>
      <c r="E40" s="9"/>
      <c r="F40" s="134"/>
      <c r="G40" s="128"/>
      <c r="H40" s="128"/>
      <c r="I40" s="128"/>
      <c r="J40" s="35"/>
    </row>
    <row r="41" spans="1:10" ht="20.100000000000001" customHeight="1">
      <c r="A41" s="58"/>
      <c r="B41" s="51" t="s">
        <v>99</v>
      </c>
      <c r="C41" s="14" t="s">
        <v>130</v>
      </c>
      <c r="D41" s="48" t="s">
        <v>79</v>
      </c>
      <c r="E41" s="29"/>
      <c r="F41" s="134"/>
      <c r="G41" s="128"/>
      <c r="H41" s="128"/>
      <c r="I41" s="128"/>
      <c r="J41" s="35"/>
    </row>
    <row r="42" spans="1:10" ht="20.100000000000001" customHeight="1">
      <c r="A42" s="58"/>
      <c r="B42" s="51" t="s">
        <v>96</v>
      </c>
      <c r="C42" s="14" t="s">
        <v>155</v>
      </c>
      <c r="D42" s="48" t="s">
        <v>80</v>
      </c>
      <c r="E42" s="9"/>
      <c r="F42" s="134"/>
      <c r="G42" s="128"/>
      <c r="H42" s="128"/>
      <c r="I42" s="128"/>
      <c r="J42" s="35"/>
    </row>
    <row r="43" spans="1:10" ht="20.100000000000001" customHeight="1">
      <c r="A43" s="32"/>
      <c r="B43" s="51" t="s">
        <v>31</v>
      </c>
      <c r="C43" s="14" t="s">
        <v>121</v>
      </c>
      <c r="D43" s="48" t="s">
        <v>81</v>
      </c>
      <c r="E43" s="49"/>
      <c r="F43" s="134"/>
      <c r="G43" s="128"/>
      <c r="H43" s="128"/>
      <c r="I43" s="128"/>
      <c r="J43" s="35"/>
    </row>
    <row r="44" spans="1:10" ht="20.100000000000001" customHeight="1">
      <c r="A44" s="32"/>
      <c r="B44" s="51" t="s">
        <v>118</v>
      </c>
      <c r="C44" s="14" t="s">
        <v>131</v>
      </c>
      <c r="D44" s="60" t="s">
        <v>76</v>
      </c>
      <c r="E44" s="49"/>
      <c r="F44" s="134"/>
      <c r="G44" s="128"/>
      <c r="H44" s="128"/>
      <c r="I44" s="128"/>
      <c r="J44" s="35"/>
    </row>
    <row r="45" spans="1:10" ht="20.100000000000001" customHeight="1">
      <c r="A45" s="32"/>
      <c r="B45" s="51" t="s">
        <v>119</v>
      </c>
      <c r="C45" s="14" t="s">
        <v>122</v>
      </c>
      <c r="D45" s="60" t="s">
        <v>73</v>
      </c>
      <c r="E45" s="49"/>
      <c r="F45" s="134"/>
      <c r="G45" s="128"/>
      <c r="H45" s="128"/>
      <c r="I45" s="128"/>
      <c r="J45" s="35"/>
    </row>
    <row r="46" spans="1:10" ht="20.100000000000001" customHeight="1">
      <c r="A46" s="32"/>
      <c r="B46" s="51" t="s">
        <v>120</v>
      </c>
      <c r="C46" s="14" t="s">
        <v>123</v>
      </c>
      <c r="D46" s="60" t="s">
        <v>82</v>
      </c>
      <c r="E46" s="49"/>
      <c r="F46" s="134"/>
      <c r="G46" s="128"/>
      <c r="H46" s="128"/>
      <c r="I46" s="128"/>
      <c r="J46" s="35"/>
    </row>
    <row r="47" spans="1:10" ht="20.100000000000001" customHeight="1">
      <c r="A47" s="32"/>
      <c r="B47" s="51" t="s">
        <v>177</v>
      </c>
      <c r="C47" s="14" t="s">
        <v>55</v>
      </c>
      <c r="D47" s="60" t="s">
        <v>80</v>
      </c>
      <c r="E47" s="49"/>
      <c r="F47" s="134"/>
      <c r="G47" s="128"/>
      <c r="H47" s="128"/>
      <c r="I47" s="128"/>
      <c r="J47" s="35"/>
    </row>
    <row r="48" spans="1:10" ht="20.100000000000001" customHeight="1">
      <c r="A48" s="36"/>
      <c r="B48" s="51" t="s">
        <v>178</v>
      </c>
      <c r="C48" s="14" t="s">
        <v>56</v>
      </c>
      <c r="D48" s="60" t="s">
        <v>83</v>
      </c>
      <c r="E48" s="9"/>
      <c r="F48" s="134"/>
      <c r="G48" s="128"/>
      <c r="H48" s="128"/>
      <c r="I48" s="128"/>
      <c r="J48" s="35"/>
    </row>
    <row r="49" spans="1:10" ht="20.100000000000001" customHeight="1">
      <c r="A49" s="36"/>
      <c r="B49" s="61"/>
      <c r="C49" s="62"/>
      <c r="D49" s="63"/>
      <c r="E49" s="35"/>
      <c r="F49" s="134"/>
      <c r="G49" s="128"/>
      <c r="H49" s="128"/>
      <c r="I49" s="128"/>
      <c r="J49" s="35"/>
    </row>
    <row r="50" spans="1:10" ht="20.100000000000001" customHeight="1">
      <c r="A50" s="36"/>
      <c r="B50" s="11" t="s">
        <v>34</v>
      </c>
      <c r="C50" s="9"/>
      <c r="D50" s="57" t="s">
        <v>92</v>
      </c>
      <c r="E50" s="35"/>
      <c r="F50" s="134"/>
      <c r="G50" s="128"/>
      <c r="H50" s="128"/>
      <c r="I50" s="128"/>
      <c r="J50" s="35"/>
    </row>
    <row r="51" spans="1:10" ht="20.100000000000001" customHeight="1">
      <c r="A51" s="58"/>
      <c r="B51" s="59" t="s">
        <v>179</v>
      </c>
      <c r="C51" s="45" t="s">
        <v>141</v>
      </c>
      <c r="D51" s="46" t="s">
        <v>84</v>
      </c>
      <c r="E51" s="28"/>
      <c r="F51" s="134"/>
      <c r="G51" s="128"/>
      <c r="H51" s="128"/>
      <c r="I51" s="128"/>
      <c r="J51" s="35"/>
    </row>
    <row r="52" spans="1:10" ht="21.75" customHeight="1">
      <c r="A52" s="58"/>
      <c r="B52" s="51" t="s">
        <v>180</v>
      </c>
      <c r="C52" s="14" t="s">
        <v>142</v>
      </c>
      <c r="D52" s="48" t="s">
        <v>73</v>
      </c>
      <c r="E52" s="35" t="s">
        <v>184</v>
      </c>
      <c r="F52" s="134"/>
      <c r="G52" s="128"/>
      <c r="H52" s="128"/>
      <c r="I52" s="128"/>
      <c r="J52" s="35"/>
    </row>
    <row r="53" spans="1:10" ht="20.100000000000001" customHeight="1">
      <c r="A53" s="58"/>
      <c r="B53" s="51" t="s">
        <v>22</v>
      </c>
      <c r="C53" s="14" t="s">
        <v>143</v>
      </c>
      <c r="D53" s="48" t="s">
        <v>80</v>
      </c>
      <c r="E53" s="35"/>
      <c r="F53" s="74" t="s">
        <v>194</v>
      </c>
      <c r="G53" s="66"/>
      <c r="H53" s="66"/>
      <c r="I53" s="77"/>
      <c r="J53" s="35"/>
    </row>
    <row r="54" spans="1:10" ht="20.100000000000001" customHeight="1">
      <c r="A54" s="32"/>
      <c r="B54" s="53"/>
      <c r="C54" s="54"/>
      <c r="D54" s="55"/>
      <c r="E54" s="29"/>
      <c r="F54" s="12"/>
      <c r="G54" s="135" t="s">
        <v>176</v>
      </c>
      <c r="H54" s="135"/>
      <c r="I54" s="77"/>
      <c r="J54" s="35"/>
    </row>
    <row r="55" spans="1:10" ht="20.100000000000001" customHeight="1">
      <c r="A55" s="32"/>
      <c r="B55" s="11" t="s">
        <v>33</v>
      </c>
      <c r="C55" s="9"/>
      <c r="D55" s="57" t="s">
        <v>92</v>
      </c>
      <c r="E55" s="35"/>
      <c r="F55" s="74"/>
      <c r="G55" s="66"/>
      <c r="H55" s="66"/>
      <c r="I55" s="77"/>
      <c r="J55" s="35"/>
    </row>
    <row r="56" spans="1:10" ht="20.100000000000001" customHeight="1">
      <c r="A56" s="36"/>
      <c r="B56" s="59" t="s">
        <v>20</v>
      </c>
      <c r="C56" s="45" t="s">
        <v>144</v>
      </c>
      <c r="D56" s="46" t="s">
        <v>32</v>
      </c>
      <c r="E56" s="29"/>
      <c r="F56" s="66" t="s">
        <v>195</v>
      </c>
      <c r="G56" s="66"/>
      <c r="H56" s="66"/>
      <c r="I56" s="77"/>
      <c r="J56" s="35"/>
    </row>
    <row r="57" spans="1:10" ht="20.100000000000001" customHeight="1">
      <c r="A57" s="36"/>
      <c r="B57" s="51" t="s">
        <v>21</v>
      </c>
      <c r="C57" s="14" t="s">
        <v>145</v>
      </c>
      <c r="D57" s="48" t="s">
        <v>32</v>
      </c>
      <c r="E57" s="10"/>
      <c r="F57" s="12"/>
      <c r="G57" s="144"/>
      <c r="H57" s="144"/>
      <c r="I57" s="16"/>
      <c r="J57" s="35"/>
    </row>
    <row r="58" spans="1:10" ht="20.100000000000001" customHeight="1">
      <c r="A58" s="36"/>
      <c r="B58" s="51" t="s">
        <v>23</v>
      </c>
      <c r="C58" s="14" t="s">
        <v>146</v>
      </c>
      <c r="D58" s="48" t="s">
        <v>32</v>
      </c>
      <c r="E58" s="35"/>
      <c r="F58" s="66"/>
      <c r="G58" s="132" t="s">
        <v>147</v>
      </c>
      <c r="H58" s="132"/>
      <c r="I58" s="16"/>
      <c r="J58" s="35"/>
    </row>
    <row r="59" spans="1:10" ht="20.100000000000001" customHeight="1">
      <c r="A59" s="36"/>
      <c r="B59" s="51" t="s">
        <v>24</v>
      </c>
      <c r="C59" s="14" t="s">
        <v>25</v>
      </c>
      <c r="D59" s="48" t="s">
        <v>188</v>
      </c>
      <c r="E59" s="35"/>
      <c r="F59" s="12"/>
      <c r="G59" s="144"/>
      <c r="H59" s="144"/>
      <c r="I59" s="16"/>
      <c r="J59" s="35"/>
    </row>
    <row r="60" spans="1:10" ht="20.100000000000001" customHeight="1">
      <c r="A60" s="36"/>
      <c r="B60" s="53" t="s">
        <v>27</v>
      </c>
      <c r="C60" s="54" t="s">
        <v>28</v>
      </c>
      <c r="D60" s="55" t="s">
        <v>189</v>
      </c>
      <c r="E60" s="35"/>
      <c r="F60" s="12"/>
      <c r="G60" s="144"/>
      <c r="H60" s="144"/>
      <c r="I60" s="16"/>
      <c r="J60" s="35"/>
    </row>
    <row r="61" spans="1:10" ht="20.100000000000001" customHeight="1">
      <c r="A61" s="36"/>
      <c r="B61" s="14"/>
      <c r="C61" s="14"/>
      <c r="D61" s="64"/>
      <c r="E61" s="35"/>
      <c r="F61" s="81"/>
      <c r="G61" s="155" t="s">
        <v>44</v>
      </c>
      <c r="H61" s="156"/>
      <c r="I61" s="156"/>
      <c r="J61" s="80"/>
    </row>
    <row r="62" spans="1:10" ht="20.100000000000001" customHeight="1">
      <c r="A62" s="58" t="s">
        <v>63</v>
      </c>
      <c r="B62" s="22"/>
      <c r="C62" s="65"/>
      <c r="D62" s="34"/>
      <c r="E62" s="35"/>
      <c r="F62" s="31"/>
      <c r="G62" s="157"/>
      <c r="H62" s="157"/>
      <c r="I62" s="157"/>
      <c r="J62" s="35"/>
    </row>
    <row r="63" spans="1:10" ht="32.4">
      <c r="A63" s="58"/>
      <c r="B63" s="118" t="s">
        <v>190</v>
      </c>
      <c r="C63" s="67"/>
      <c r="D63" s="34"/>
      <c r="E63" s="35"/>
      <c r="F63" s="74"/>
      <c r="G63" s="82" t="s">
        <v>45</v>
      </c>
      <c r="H63" s="148" t="s">
        <v>164</v>
      </c>
      <c r="I63" s="149"/>
      <c r="J63" s="35"/>
    </row>
    <row r="64" spans="1:10" ht="20.100000000000001" customHeight="1">
      <c r="A64" s="58"/>
      <c r="B64" s="34"/>
      <c r="C64" s="14"/>
      <c r="D64" s="66"/>
      <c r="E64" s="35"/>
      <c r="F64" s="12"/>
      <c r="G64" s="6" t="s">
        <v>41</v>
      </c>
      <c r="H64" s="152" t="s">
        <v>163</v>
      </c>
      <c r="I64" s="153"/>
      <c r="J64" s="35"/>
    </row>
    <row r="65" spans="1:10" ht="20.100000000000001" customHeight="1">
      <c r="A65" s="32" t="s">
        <v>127</v>
      </c>
      <c r="B65" s="66" t="s">
        <v>162</v>
      </c>
      <c r="C65" s="14"/>
      <c r="D65" s="34"/>
      <c r="E65" s="35"/>
      <c r="F65" s="74"/>
      <c r="G65" s="6" t="s">
        <v>42</v>
      </c>
      <c r="H65" s="152" t="s">
        <v>91</v>
      </c>
      <c r="I65" s="153"/>
      <c r="J65" s="35"/>
    </row>
    <row r="66" spans="1:10" ht="19.95" customHeight="1">
      <c r="A66" s="32"/>
      <c r="B66" s="14" t="s">
        <v>49</v>
      </c>
      <c r="C66" s="14"/>
      <c r="D66" s="66"/>
      <c r="E66" s="29"/>
      <c r="F66" s="66"/>
      <c r="G66" s="6" t="s">
        <v>183</v>
      </c>
      <c r="H66" s="152" t="s">
        <v>186</v>
      </c>
      <c r="I66" s="153"/>
      <c r="J66" s="35"/>
    </row>
    <row r="67" spans="1:10" ht="20.100000000000001" customHeight="1">
      <c r="A67" s="32"/>
      <c r="B67" s="14" t="s">
        <v>46</v>
      </c>
      <c r="C67" s="34"/>
      <c r="D67" s="66"/>
      <c r="E67" s="35"/>
      <c r="F67" s="12"/>
      <c r="G67" s="6" t="s">
        <v>93</v>
      </c>
      <c r="H67" s="152" t="s">
        <v>90</v>
      </c>
      <c r="I67" s="153"/>
      <c r="J67" s="35"/>
    </row>
    <row r="68" spans="1:10" ht="20.100000000000001" customHeight="1">
      <c r="A68" s="32"/>
      <c r="B68" s="14"/>
      <c r="C68" s="34"/>
      <c r="D68" s="66"/>
      <c r="E68" s="35"/>
      <c r="F68" s="12"/>
      <c r="G68" s="6" t="s">
        <v>43</v>
      </c>
      <c r="H68" s="154" t="s">
        <v>161</v>
      </c>
      <c r="I68" s="154"/>
      <c r="J68" s="35"/>
    </row>
    <row r="69" spans="1:10" ht="20.100000000000001" customHeight="1">
      <c r="A69" s="69"/>
      <c r="B69" s="70"/>
      <c r="C69" s="70"/>
      <c r="D69" s="70"/>
      <c r="E69" s="71"/>
      <c r="F69" s="73"/>
      <c r="G69" s="73"/>
      <c r="H69" s="73"/>
      <c r="I69" s="73"/>
      <c r="J69" s="79"/>
    </row>
    <row r="70" spans="1:10" ht="20.100000000000001" customHeight="1">
      <c r="B70" s="72"/>
      <c r="C70" s="72"/>
      <c r="D70" s="72"/>
      <c r="E70" s="72"/>
      <c r="F70" s="72"/>
      <c r="G70" s="72"/>
      <c r="H70" s="72"/>
      <c r="I70" s="72"/>
    </row>
  </sheetData>
  <mergeCells count="31">
    <mergeCell ref="H65:I65"/>
    <mergeCell ref="H66:I66"/>
    <mergeCell ref="H67:I67"/>
    <mergeCell ref="H68:I68"/>
    <mergeCell ref="G10:I10"/>
    <mergeCell ref="G12:I16"/>
    <mergeCell ref="G18:I18"/>
    <mergeCell ref="F20:J20"/>
    <mergeCell ref="G57:H57"/>
    <mergeCell ref="H64:I64"/>
    <mergeCell ref="G59:H59"/>
    <mergeCell ref="G61:I62"/>
    <mergeCell ref="G54:H54"/>
    <mergeCell ref="G58:H58"/>
    <mergeCell ref="F21:I52"/>
    <mergeCell ref="C23:D23"/>
    <mergeCell ref="C24:D24"/>
    <mergeCell ref="C25:D25"/>
    <mergeCell ref="G60:H60"/>
    <mergeCell ref="H63:I63"/>
    <mergeCell ref="F9:J9"/>
    <mergeCell ref="F11:J11"/>
    <mergeCell ref="F17:I17"/>
    <mergeCell ref="C21:D21"/>
    <mergeCell ref="A1:J1"/>
    <mergeCell ref="A2:E2"/>
    <mergeCell ref="F2:J2"/>
    <mergeCell ref="F4:J4"/>
    <mergeCell ref="C5:D6"/>
    <mergeCell ref="F5:J5"/>
    <mergeCell ref="G6:I8"/>
  </mergeCells>
  <phoneticPr fontId="8"/>
  <pageMargins left="0.25" right="0.25" top="0.75" bottom="0.75" header="0.3" footer="0.3"/>
  <pageSetup paperSize="9" scale="57" orientation="portrait" r:id="rId1"/>
  <rowBreaks count="1" manualBreakCount="1">
    <brk id="72" max="16383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4"/>
  <sheetViews>
    <sheetView view="pageBreakPreview" zoomScale="130" zoomScaleNormal="100" zoomScaleSheetLayoutView="130" workbookViewId="0">
      <selection activeCell="G3" sqref="G3"/>
    </sheetView>
  </sheetViews>
  <sheetFormatPr defaultColWidth="9" defaultRowHeight="16.2"/>
  <cols>
    <col min="1" max="1" width="27.8984375" style="3" customWidth="1"/>
    <col min="2" max="3" width="9" style="3"/>
    <col min="4" max="4" width="20" style="3" bestFit="1" customWidth="1"/>
    <col min="5" max="6" width="9" style="3"/>
    <col min="7" max="7" width="21.19921875" style="3" bestFit="1" customWidth="1"/>
    <col min="8" max="8" width="11.69921875" style="3" bestFit="1" customWidth="1"/>
    <col min="9" max="9" width="9" style="3"/>
    <col min="10" max="10" width="19.5" style="4" bestFit="1" customWidth="1"/>
    <col min="11" max="16384" width="9" style="3"/>
  </cols>
  <sheetData>
    <row r="1" spans="1:11">
      <c r="A1" s="116" t="s">
        <v>36</v>
      </c>
      <c r="D1" s="116" t="s">
        <v>37</v>
      </c>
      <c r="G1" s="116" t="s">
        <v>38</v>
      </c>
      <c r="J1" s="117" t="s">
        <v>39</v>
      </c>
    </row>
    <row r="2" spans="1:11" ht="20.399999999999999">
      <c r="A2" s="3" t="s">
        <v>101</v>
      </c>
      <c r="B2" s="1" t="s">
        <v>167</v>
      </c>
      <c r="D2" s="1" t="s">
        <v>94</v>
      </c>
      <c r="E2" s="1" t="s">
        <v>2</v>
      </c>
      <c r="G2" s="2" t="s">
        <v>181</v>
      </c>
      <c r="H2" s="1" t="s">
        <v>168</v>
      </c>
      <c r="J2" s="2" t="s">
        <v>20</v>
      </c>
      <c r="K2" s="1" t="s">
        <v>171</v>
      </c>
    </row>
    <row r="3" spans="1:11" ht="20.399999999999999">
      <c r="A3" s="3" t="s">
        <v>102</v>
      </c>
      <c r="B3" s="1" t="s">
        <v>109</v>
      </c>
      <c r="D3" s="1" t="s">
        <v>95</v>
      </c>
      <c r="E3" s="1" t="s">
        <v>4</v>
      </c>
      <c r="G3" s="2" t="s">
        <v>182</v>
      </c>
      <c r="H3" s="1" t="s">
        <v>169</v>
      </c>
      <c r="J3" s="2" t="s">
        <v>21</v>
      </c>
      <c r="K3" s="1" t="s">
        <v>172</v>
      </c>
    </row>
    <row r="4" spans="1:11" ht="20.399999999999999">
      <c r="A4" s="3" t="s">
        <v>103</v>
      </c>
      <c r="B4" s="1" t="s">
        <v>110</v>
      </c>
      <c r="D4" s="1" t="s">
        <v>96</v>
      </c>
      <c r="E4" s="1" t="s">
        <v>26</v>
      </c>
      <c r="G4" s="2" t="s">
        <v>22</v>
      </c>
      <c r="H4" s="1" t="s">
        <v>170</v>
      </c>
      <c r="J4" s="2" t="s">
        <v>23</v>
      </c>
      <c r="K4" s="1" t="s">
        <v>173</v>
      </c>
    </row>
    <row r="5" spans="1:11" ht="20.399999999999999">
      <c r="A5" s="3" t="s">
        <v>97</v>
      </c>
      <c r="B5" s="1" t="s">
        <v>175</v>
      </c>
      <c r="D5" s="1" t="s">
        <v>31</v>
      </c>
      <c r="E5" s="1" t="s">
        <v>7</v>
      </c>
      <c r="J5" s="2" t="s">
        <v>24</v>
      </c>
      <c r="K5" s="1" t="s">
        <v>25</v>
      </c>
    </row>
    <row r="6" spans="1:11" ht="20.399999999999999">
      <c r="A6" s="3" t="s">
        <v>104</v>
      </c>
      <c r="B6" s="1" t="s">
        <v>111</v>
      </c>
      <c r="D6" s="1" t="s">
        <v>9</v>
      </c>
      <c r="E6" s="1" t="s">
        <v>10</v>
      </c>
      <c r="J6" s="2" t="s">
        <v>27</v>
      </c>
      <c r="K6" s="1" t="s">
        <v>28</v>
      </c>
    </row>
    <row r="7" spans="1:11" ht="20.399999999999999">
      <c r="A7" s="3" t="s">
        <v>105</v>
      </c>
      <c r="B7" s="1" t="s">
        <v>112</v>
      </c>
      <c r="D7" s="1" t="s">
        <v>12</v>
      </c>
      <c r="E7" s="1" t="s">
        <v>13</v>
      </c>
    </row>
    <row r="8" spans="1:11" ht="20.399999999999999">
      <c r="A8" s="3" t="s">
        <v>106</v>
      </c>
      <c r="B8" s="1" t="s">
        <v>113</v>
      </c>
      <c r="D8" s="1" t="s">
        <v>14</v>
      </c>
      <c r="E8" s="1" t="s">
        <v>174</v>
      </c>
    </row>
    <row r="9" spans="1:11" ht="20.399999999999999">
      <c r="A9" s="3" t="s">
        <v>98</v>
      </c>
      <c r="B9" s="1" t="s">
        <v>114</v>
      </c>
      <c r="D9" s="1" t="s">
        <v>177</v>
      </c>
      <c r="E9" s="1" t="s">
        <v>16</v>
      </c>
    </row>
    <row r="10" spans="1:11" ht="20.399999999999999">
      <c r="A10" s="3" t="s">
        <v>107</v>
      </c>
      <c r="B10" s="1" t="s">
        <v>115</v>
      </c>
      <c r="D10" s="1" t="s">
        <v>178</v>
      </c>
      <c r="E10" s="1" t="s">
        <v>18</v>
      </c>
    </row>
    <row r="11" spans="1:11" ht="18.600000000000001">
      <c r="A11" s="3" t="s">
        <v>108</v>
      </c>
      <c r="B11" s="1" t="s">
        <v>116</v>
      </c>
    </row>
    <row r="12" spans="1:11" ht="18.600000000000001">
      <c r="A12" s="3" t="s">
        <v>19</v>
      </c>
      <c r="B12" s="1" t="s">
        <v>117</v>
      </c>
    </row>
    <row r="14" spans="1:11">
      <c r="H14" s="4"/>
      <c r="J14" s="3"/>
    </row>
  </sheetData>
  <phoneticPr fontId="8"/>
  <pageMargins left="0.7" right="0.7" top="0.75" bottom="0.75" header="0.3" footer="0.3"/>
  <pageSetup paperSize="9" scale="53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4</vt:i4>
      </vt:variant>
    </vt:vector>
  </HeadingPairs>
  <TitlesOfParts>
    <vt:vector size="9" baseType="lpstr">
      <vt:lpstr>サンプル</vt:lpstr>
      <vt:lpstr>記入例1</vt:lpstr>
      <vt:lpstr>サンプル（4項目込み）</vt:lpstr>
      <vt:lpstr>記入例2（4項目込み）</vt:lpstr>
      <vt:lpstr>イオン表記例</vt:lpstr>
      <vt:lpstr>サンプル!Print_Area</vt:lpstr>
      <vt:lpstr>'サンプル（4項目込み）'!Print_Area</vt:lpstr>
      <vt:lpstr>記入例1!Print_Area</vt:lpstr>
      <vt:lpstr>'記入例2（4項目込み）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oka</cp:lastModifiedBy>
  <cp:lastPrinted>2025-09-10T01:01:19Z</cp:lastPrinted>
  <dcterms:created xsi:type="dcterms:W3CDTF">2014-04-25T04:20:48Z</dcterms:created>
  <dcterms:modified xsi:type="dcterms:W3CDTF">2025-09-10T01:01:46Z</dcterms:modified>
</cp:coreProperties>
</file>